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4">
  <p:sldMasterIdLst>
    <p:sldMasterId id="2147483648" r:id="rId4"/>
    <p:sldMasterId id="2147483661" r:id="rId5"/>
  </p:sldMasterIdLst>
  <p:notesMasterIdLst>
    <p:notesMasterId r:id="rId18"/>
  </p:notesMasterIdLst>
  <p:sldIdLst>
    <p:sldId id="256" r:id="rId6"/>
    <p:sldId id="265" r:id="rId7"/>
    <p:sldId id="264" r:id="rId8"/>
    <p:sldId id="368" r:id="rId9"/>
    <p:sldId id="364" r:id="rId10"/>
    <p:sldId id="272" r:id="rId11"/>
    <p:sldId id="356" r:id="rId12"/>
    <p:sldId id="362" r:id="rId13"/>
    <p:sldId id="353" r:id="rId14"/>
    <p:sldId id="350" r:id="rId15"/>
    <p:sldId id="349" r:id="rId16"/>
    <p:sldId id="351" r:id="rId1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C5706629-7BBF-D22B-77AB-6166EDB88340}" name="Scott-Picton, Georgina" initials="SPG" userId="S::gescottpicton@deloitte.co.uk::ef0a8b2a-fa4d-440f-83f5-cc291b573013" providerId="AD"/>
  <p188:author id="{3483116B-250C-1FFD-C7BE-EB6E57A2DF23}" name="Aiyesha Andrade" initials="AA" userId="S::Aiyesha.Andrade@retailenergycode.co.uk::02165738-feda-4d85-84a6-21b20ae4da40" providerId="AD"/>
  <p188:author id="{B34DF589-1AF3-4C93-BFBB-B2751CE52CC9}" name="Thornton, Andy" initials="TA" userId="S::ajthornton@deloitte.co.uk::d3e7c5db-7078-40a9-aeb2-43156c04c81e" providerId="AD"/>
  <p188:author id="{9040898D-64CE-1916-0418-5E9191314D41}" name="Moden, Anton" initials="MA" userId="S::amoden@deloitte.co.uk::7b35dd8e-c9e7-4680-8f41-28c9dafada4a"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7" name="Sarah Jones" initials="SJ" lastIdx="16" clrIdx="6">
    <p:extLst>
      <p:ext uri="{19B8F6BF-5375-455C-9EA6-DF929625EA0E}">
        <p15:presenceInfo xmlns:p15="http://schemas.microsoft.com/office/powerpoint/2012/main" userId="S::sarah.jones@SJW-Energy.co.uk::547e17a6-5e6b-48a9-88ae-da4c0cd98a84" providerId="AD"/>
      </p:ext>
    </p:extLst>
  </p:cmAuthor>
  <p:cmAuthor id="1" name="Moden, Anton" initials="MA" lastIdx="7" clrIdx="0">
    <p:extLst>
      <p:ext uri="{19B8F6BF-5375-455C-9EA6-DF929625EA0E}">
        <p15:presenceInfo xmlns:p15="http://schemas.microsoft.com/office/powerpoint/2012/main" userId="S::amoden@deloitte.co.uk::7b35dd8e-c9e7-4680-8f41-28c9dafada4a" providerId="AD"/>
      </p:ext>
    </p:extLst>
  </p:cmAuthor>
  <p:cmAuthor id="8" name="Andrew Wallace" initials="AW" lastIdx="18" clrIdx="7">
    <p:extLst>
      <p:ext uri="{19B8F6BF-5375-455C-9EA6-DF929625EA0E}">
        <p15:presenceInfo xmlns:p15="http://schemas.microsoft.com/office/powerpoint/2012/main" userId="Andrew Wallace" providerId="None"/>
      </p:ext>
    </p:extLst>
  </p:cmAuthor>
  <p:cmAuthor id="2" name="Bermudez Alvarez, Cristina" initials="BAC" lastIdx="4" clrIdx="1">
    <p:extLst>
      <p:ext uri="{19B8F6BF-5375-455C-9EA6-DF929625EA0E}">
        <p15:presenceInfo xmlns:p15="http://schemas.microsoft.com/office/powerpoint/2012/main" userId="S::cbermudezalvarez@deloitte.co.uk::212f97fe-44f6-4733-9e40-3af687628ecd" providerId="AD"/>
      </p:ext>
    </p:extLst>
  </p:cmAuthor>
  <p:cmAuthor id="9" name="jonathan dixon" initials="jd" lastIdx="10" clrIdx="8">
    <p:extLst>
      <p:ext uri="{19B8F6BF-5375-455C-9EA6-DF929625EA0E}">
        <p15:presenceInfo xmlns:p15="http://schemas.microsoft.com/office/powerpoint/2012/main" userId="a0850bd446d244ba" providerId="Windows Live"/>
      </p:ext>
    </p:extLst>
  </p:cmAuthor>
  <p:cmAuthor id="3" name="Allsopp, Harry" initials="AH" lastIdx="1" clrIdx="2">
    <p:extLst>
      <p:ext uri="{19B8F6BF-5375-455C-9EA6-DF929625EA0E}">
        <p15:presenceInfo xmlns:p15="http://schemas.microsoft.com/office/powerpoint/2012/main" userId="S::hallsopp@deloitte.co.uk::94ebb2aa-f163-4c7f-b3ec-a70db5e1e138" providerId="AD"/>
      </p:ext>
    </p:extLst>
  </p:cmAuthor>
  <p:cmAuthor id="10" name="Campbell, Eliana" initials="CE" lastIdx="8" clrIdx="9">
    <p:extLst>
      <p:ext uri="{19B8F6BF-5375-455C-9EA6-DF929625EA0E}">
        <p15:presenceInfo xmlns:p15="http://schemas.microsoft.com/office/powerpoint/2012/main" userId="S::epcampbell@deloitte.co.uk::31440c79-e180-496b-8c54-25891199ed35" providerId="AD"/>
      </p:ext>
    </p:extLst>
  </p:cmAuthor>
  <p:cmAuthor id="4" name="Carlton, Walter" initials="CW" lastIdx="21" clrIdx="3">
    <p:extLst>
      <p:ext uri="{19B8F6BF-5375-455C-9EA6-DF929625EA0E}">
        <p15:presenceInfo xmlns:p15="http://schemas.microsoft.com/office/powerpoint/2012/main" userId="S::wcarlton@deloitte.co.uk::a95b5c81-c3d7-4b41-881d-c06e0bc4b070" providerId="AD"/>
      </p:ext>
    </p:extLst>
  </p:cmAuthor>
  <p:cmAuthor id="5" name="Sagar, Prashant" initials="SP" lastIdx="59" clrIdx="4">
    <p:extLst>
      <p:ext uri="{19B8F6BF-5375-455C-9EA6-DF929625EA0E}">
        <p15:presenceInfo xmlns:p15="http://schemas.microsoft.com/office/powerpoint/2012/main" userId="S::pvsagar@deloitte.co.uk::01a45a03-0244-4886-be81-3484f634c76e" providerId="AD"/>
      </p:ext>
    </p:extLst>
  </p:cmAuthor>
  <p:cmAuthor id="6" name="Darracott, Dave" initials="DD" lastIdx="3" clrIdx="5">
    <p:extLst>
      <p:ext uri="{19B8F6BF-5375-455C-9EA6-DF929625EA0E}">
        <p15:presenceInfo xmlns:p15="http://schemas.microsoft.com/office/powerpoint/2012/main" userId="S::dadarracott@deloitte.co.uk::72cdf4f9-d097-4581-a7cf-a35e88ba5c45"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70ADA3"/>
    <a:srgbClr val="4D8934"/>
    <a:srgbClr val="43B02A"/>
    <a:srgbClr val="25993B"/>
    <a:srgbClr val="008000"/>
    <a:srgbClr val="A0C6B3"/>
    <a:srgbClr val="BBD2B2"/>
    <a:srgbClr val="046A38"/>
    <a:srgbClr val="B7E1AE"/>
    <a:srgbClr val="7F7F7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C9C67190-851D-4542-9ADD-DBF493994278}" v="801" dt="2023-03-30T19:43:45.84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87" autoAdjust="0"/>
    <p:restoredTop sz="93070" autoAdjust="0"/>
  </p:normalViewPr>
  <p:slideViewPr>
    <p:cSldViewPr snapToGrid="0">
      <p:cViewPr>
        <p:scale>
          <a:sx n="65" d="100"/>
          <a:sy n="65" d="100"/>
        </p:scale>
        <p:origin x="196" y="-24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notesMaster" Target="notesMasters/notesMaster1.xml"/><Relationship Id="rId26" Type="http://schemas.microsoft.com/office/2018/10/relationships/authors" Target="authors.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microsoft.com/office/2016/11/relationships/changesInfo" Target="changesInfos/changesInfo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commentAuthors" Target="commentAuthors.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cott-Picton, Georgina" userId="ef0a8b2a-fa4d-440f-83f5-cc291b573013" providerId="ADAL" clId="{C9C67190-851D-4542-9ADD-DBF493994278}"/>
    <pc:docChg chg="undo redo custSel modSld">
      <pc:chgData name="Scott-Picton, Georgina" userId="ef0a8b2a-fa4d-440f-83f5-cc291b573013" providerId="ADAL" clId="{C9C67190-851D-4542-9ADD-DBF493994278}" dt="2023-03-30T19:43:45.842" v="3171"/>
      <pc:docMkLst>
        <pc:docMk/>
      </pc:docMkLst>
      <pc:sldChg chg="modAnim">
        <pc:chgData name="Scott-Picton, Georgina" userId="ef0a8b2a-fa4d-440f-83f5-cc291b573013" providerId="ADAL" clId="{C9C67190-851D-4542-9ADD-DBF493994278}" dt="2023-03-30T19:42:14.780" v="3148"/>
        <pc:sldMkLst>
          <pc:docMk/>
          <pc:sldMk cId="49629790" sldId="256"/>
        </pc:sldMkLst>
      </pc:sldChg>
      <pc:sldChg chg="modAnim">
        <pc:chgData name="Scott-Picton, Georgina" userId="ef0a8b2a-fa4d-440f-83f5-cc291b573013" providerId="ADAL" clId="{C9C67190-851D-4542-9ADD-DBF493994278}" dt="2023-03-30T19:42:27.652" v="3152"/>
        <pc:sldMkLst>
          <pc:docMk/>
          <pc:sldMk cId="120540919" sldId="265"/>
        </pc:sldMkLst>
      </pc:sldChg>
      <pc:sldChg chg="addSp delSp modSp mod modAnim">
        <pc:chgData name="Scott-Picton, Georgina" userId="ef0a8b2a-fa4d-440f-83f5-cc291b573013" providerId="ADAL" clId="{C9C67190-851D-4542-9ADD-DBF493994278}" dt="2023-03-30T19:42:37.251" v="3154"/>
        <pc:sldMkLst>
          <pc:docMk/>
          <pc:sldMk cId="494479717" sldId="349"/>
        </pc:sldMkLst>
        <pc:spChg chg="add del mod topLvl">
          <ac:chgData name="Scott-Picton, Georgina" userId="ef0a8b2a-fa4d-440f-83f5-cc291b573013" providerId="ADAL" clId="{C9C67190-851D-4542-9ADD-DBF493994278}" dt="2023-03-30T19:40:15.100" v="3145" actId="164"/>
          <ac:spMkLst>
            <pc:docMk/>
            <pc:sldMk cId="494479717" sldId="349"/>
            <ac:spMk id="3" creationId="{6F554EED-35B8-B5F7-0BE0-4DE0FCCD14FA}"/>
          </ac:spMkLst>
        </pc:spChg>
        <pc:grpChg chg="add del mod">
          <ac:chgData name="Scott-Picton, Georgina" userId="ef0a8b2a-fa4d-440f-83f5-cc291b573013" providerId="ADAL" clId="{C9C67190-851D-4542-9ADD-DBF493994278}" dt="2023-03-30T19:38:46.052" v="3118" actId="164"/>
          <ac:grpSpMkLst>
            <pc:docMk/>
            <pc:sldMk cId="494479717" sldId="349"/>
            <ac:grpSpMk id="4" creationId="{979B61C8-2A03-35D1-EC4B-A8177F053D2E}"/>
          </ac:grpSpMkLst>
        </pc:grpChg>
        <pc:grpChg chg="add mod">
          <ac:chgData name="Scott-Picton, Georgina" userId="ef0a8b2a-fa4d-440f-83f5-cc291b573013" providerId="ADAL" clId="{C9C67190-851D-4542-9ADD-DBF493994278}" dt="2023-03-30T19:39:11.604" v="3122" actId="164"/>
          <ac:grpSpMkLst>
            <pc:docMk/>
            <pc:sldMk cId="494479717" sldId="349"/>
            <ac:grpSpMk id="5" creationId="{9AD2D5BC-2855-3E0C-FEF0-E6A4F5E23055}"/>
          </ac:grpSpMkLst>
        </pc:grpChg>
        <pc:grpChg chg="add mod">
          <ac:chgData name="Scott-Picton, Georgina" userId="ef0a8b2a-fa4d-440f-83f5-cc291b573013" providerId="ADAL" clId="{C9C67190-851D-4542-9ADD-DBF493994278}" dt="2023-03-30T19:40:15.100" v="3145" actId="164"/>
          <ac:grpSpMkLst>
            <pc:docMk/>
            <pc:sldMk cId="494479717" sldId="349"/>
            <ac:grpSpMk id="6" creationId="{489A990C-78A3-F75A-FE7E-4DDDE8416F98}"/>
          </ac:grpSpMkLst>
        </pc:grpChg>
        <pc:picChg chg="mod topLvl">
          <ac:chgData name="Scott-Picton, Georgina" userId="ef0a8b2a-fa4d-440f-83f5-cc291b573013" providerId="ADAL" clId="{C9C67190-851D-4542-9ADD-DBF493994278}" dt="2023-03-30T19:40:15.100" v="3145" actId="164"/>
          <ac:picMkLst>
            <pc:docMk/>
            <pc:sldMk cId="494479717" sldId="349"/>
            <ac:picMk id="11" creationId="{2A089525-EC06-4BB1-AA53-F24F5C00FCD1}"/>
          </ac:picMkLst>
        </pc:picChg>
      </pc:sldChg>
      <pc:sldChg chg="addSp delSp modSp mod">
        <pc:chgData name="Scott-Picton, Georgina" userId="ef0a8b2a-fa4d-440f-83f5-cc291b573013" providerId="ADAL" clId="{C9C67190-851D-4542-9ADD-DBF493994278}" dt="2023-03-30T19:37:41.489" v="3112" actId="1076"/>
        <pc:sldMkLst>
          <pc:docMk/>
          <pc:sldMk cId="1651195969" sldId="350"/>
        </pc:sldMkLst>
        <pc:spChg chg="mod">
          <ac:chgData name="Scott-Picton, Georgina" userId="ef0a8b2a-fa4d-440f-83f5-cc291b573013" providerId="ADAL" clId="{C9C67190-851D-4542-9ADD-DBF493994278}" dt="2023-03-30T18:25:31.075" v="1312"/>
          <ac:spMkLst>
            <pc:docMk/>
            <pc:sldMk cId="1651195969" sldId="350"/>
            <ac:spMk id="7" creationId="{9A1D6AC3-9841-8DE1-2142-996E204A11C2}"/>
          </ac:spMkLst>
        </pc:spChg>
        <pc:spChg chg="mod">
          <ac:chgData name="Scott-Picton, Georgina" userId="ef0a8b2a-fa4d-440f-83f5-cc291b573013" providerId="ADAL" clId="{C9C67190-851D-4542-9ADD-DBF493994278}" dt="2023-03-30T19:34:02.608" v="3011" actId="1035"/>
          <ac:spMkLst>
            <pc:docMk/>
            <pc:sldMk cId="1651195969" sldId="350"/>
            <ac:spMk id="68" creationId="{132CF35B-3858-0124-42EB-1B6BBC6C3025}"/>
          </ac:spMkLst>
        </pc:spChg>
        <pc:spChg chg="mod">
          <ac:chgData name="Scott-Picton, Georgina" userId="ef0a8b2a-fa4d-440f-83f5-cc291b573013" providerId="ADAL" clId="{C9C67190-851D-4542-9ADD-DBF493994278}" dt="2023-03-30T19:35:24.363" v="3057" actId="1036"/>
          <ac:spMkLst>
            <pc:docMk/>
            <pc:sldMk cId="1651195969" sldId="350"/>
            <ac:spMk id="72" creationId="{01F6970E-EB18-709C-137F-695D2AD34E30}"/>
          </ac:spMkLst>
        </pc:spChg>
        <pc:spChg chg="mod">
          <ac:chgData name="Scott-Picton, Georgina" userId="ef0a8b2a-fa4d-440f-83f5-cc291b573013" providerId="ADAL" clId="{C9C67190-851D-4542-9ADD-DBF493994278}" dt="2023-03-30T19:36:01.154" v="3079" actId="1036"/>
          <ac:spMkLst>
            <pc:docMk/>
            <pc:sldMk cId="1651195969" sldId="350"/>
            <ac:spMk id="73" creationId="{120D9891-6ACC-1E14-9BC7-CCA5C2B22B6E}"/>
          </ac:spMkLst>
        </pc:spChg>
        <pc:spChg chg="mod">
          <ac:chgData name="Scott-Picton, Georgina" userId="ef0a8b2a-fa4d-440f-83f5-cc291b573013" providerId="ADAL" clId="{C9C67190-851D-4542-9ADD-DBF493994278}" dt="2023-03-30T19:36:40.939" v="3095" actId="1035"/>
          <ac:spMkLst>
            <pc:docMk/>
            <pc:sldMk cId="1651195969" sldId="350"/>
            <ac:spMk id="74" creationId="{629A6A97-DEF4-C143-1AC8-45A67B0DEEB0}"/>
          </ac:spMkLst>
        </pc:spChg>
        <pc:spChg chg="mod">
          <ac:chgData name="Scott-Picton, Georgina" userId="ef0a8b2a-fa4d-440f-83f5-cc291b573013" providerId="ADAL" clId="{C9C67190-851D-4542-9ADD-DBF493994278}" dt="2023-03-30T19:37:27.002" v="3110" actId="1037"/>
          <ac:spMkLst>
            <pc:docMk/>
            <pc:sldMk cId="1651195969" sldId="350"/>
            <ac:spMk id="75" creationId="{D36C758F-773C-1CB3-B445-90DF4269CC89}"/>
          </ac:spMkLst>
        </pc:spChg>
        <pc:spChg chg="mod">
          <ac:chgData name="Scott-Picton, Georgina" userId="ef0a8b2a-fa4d-440f-83f5-cc291b573013" providerId="ADAL" clId="{C9C67190-851D-4542-9ADD-DBF493994278}" dt="2023-03-30T19:35:37.497" v="3060" actId="1076"/>
          <ac:spMkLst>
            <pc:docMk/>
            <pc:sldMk cId="1651195969" sldId="350"/>
            <ac:spMk id="77" creationId="{FC629A74-A441-CDD0-3209-412691BA3B3F}"/>
          </ac:spMkLst>
        </pc:spChg>
        <pc:spChg chg="mod">
          <ac:chgData name="Scott-Picton, Georgina" userId="ef0a8b2a-fa4d-440f-83f5-cc291b573013" providerId="ADAL" clId="{C9C67190-851D-4542-9ADD-DBF493994278}" dt="2023-03-30T19:36:51.934" v="3098" actId="1036"/>
          <ac:spMkLst>
            <pc:docMk/>
            <pc:sldMk cId="1651195969" sldId="350"/>
            <ac:spMk id="78" creationId="{24095B92-704B-243B-5CCA-21B7D41058CA}"/>
          </ac:spMkLst>
        </pc:spChg>
        <pc:spChg chg="mod">
          <ac:chgData name="Scott-Picton, Georgina" userId="ef0a8b2a-fa4d-440f-83f5-cc291b573013" providerId="ADAL" clId="{C9C67190-851D-4542-9ADD-DBF493994278}" dt="2023-03-30T19:36:48.860" v="3096" actId="1076"/>
          <ac:spMkLst>
            <pc:docMk/>
            <pc:sldMk cId="1651195969" sldId="350"/>
            <ac:spMk id="79" creationId="{6E9C294F-4039-7E3E-F923-BE44C3CEDA08}"/>
          </ac:spMkLst>
        </pc:spChg>
        <pc:spChg chg="mod">
          <ac:chgData name="Scott-Picton, Georgina" userId="ef0a8b2a-fa4d-440f-83f5-cc291b573013" providerId="ADAL" clId="{C9C67190-851D-4542-9ADD-DBF493994278}" dt="2023-03-30T19:37:41.489" v="3112" actId="1076"/>
          <ac:spMkLst>
            <pc:docMk/>
            <pc:sldMk cId="1651195969" sldId="350"/>
            <ac:spMk id="80" creationId="{0083926F-7417-C71D-65CE-6BBA128A3E72}"/>
          </ac:spMkLst>
        </pc:spChg>
        <pc:spChg chg="mod">
          <ac:chgData name="Scott-Picton, Georgina" userId="ef0a8b2a-fa4d-440f-83f5-cc291b573013" providerId="ADAL" clId="{C9C67190-851D-4542-9ADD-DBF493994278}" dt="2023-03-30T19:37:31.639" v="3111" actId="1038"/>
          <ac:spMkLst>
            <pc:docMk/>
            <pc:sldMk cId="1651195969" sldId="350"/>
            <ac:spMk id="81" creationId="{4B830C29-D5B8-CD98-DA14-3B363F34C331}"/>
          </ac:spMkLst>
        </pc:spChg>
        <pc:grpChg chg="add mod">
          <ac:chgData name="Scott-Picton, Georgina" userId="ef0a8b2a-fa4d-440f-83f5-cc291b573013" providerId="ADAL" clId="{C9C67190-851D-4542-9ADD-DBF493994278}" dt="2023-03-30T18:26:00.091" v="1325" actId="1038"/>
          <ac:grpSpMkLst>
            <pc:docMk/>
            <pc:sldMk cId="1651195969" sldId="350"/>
            <ac:grpSpMk id="3" creationId="{B0611B78-3737-E0DB-F17D-A13CA5284698}"/>
          </ac:grpSpMkLst>
        </pc:grpChg>
        <pc:grpChg chg="mod">
          <ac:chgData name="Scott-Picton, Georgina" userId="ef0a8b2a-fa4d-440f-83f5-cc291b573013" providerId="ADAL" clId="{C9C67190-851D-4542-9ADD-DBF493994278}" dt="2023-03-30T19:32:39.490" v="2993" actId="1076"/>
          <ac:grpSpMkLst>
            <pc:docMk/>
            <pc:sldMk cId="1651195969" sldId="350"/>
            <ac:grpSpMk id="43" creationId="{8DDD6BCC-ECDE-D700-4A9B-2BAC6C13DFF5}"/>
          </ac:grpSpMkLst>
        </pc:grpChg>
        <pc:grpChg chg="mod">
          <ac:chgData name="Scott-Picton, Georgina" userId="ef0a8b2a-fa4d-440f-83f5-cc291b573013" providerId="ADAL" clId="{C9C67190-851D-4542-9ADD-DBF493994278}" dt="2023-03-30T19:37:17.895" v="3108" actId="1036"/>
          <ac:grpSpMkLst>
            <pc:docMk/>
            <pc:sldMk cId="1651195969" sldId="350"/>
            <ac:grpSpMk id="84" creationId="{35F2F770-9364-231F-1F5F-0341A0987089}"/>
          </ac:grpSpMkLst>
        </pc:grpChg>
        <pc:picChg chg="mod">
          <ac:chgData name="Scott-Picton, Georgina" userId="ef0a8b2a-fa4d-440f-83f5-cc291b573013" providerId="ADAL" clId="{C9C67190-851D-4542-9ADD-DBF493994278}" dt="2023-03-30T18:25:31.075" v="1312"/>
          <ac:picMkLst>
            <pc:docMk/>
            <pc:sldMk cId="1651195969" sldId="350"/>
            <ac:picMk id="6" creationId="{C9C2866D-C9A1-27F7-465D-FC5054793715}"/>
          </ac:picMkLst>
        </pc:picChg>
        <pc:picChg chg="del mod">
          <ac:chgData name="Scott-Picton, Georgina" userId="ef0a8b2a-fa4d-440f-83f5-cc291b573013" providerId="ADAL" clId="{C9C67190-851D-4542-9ADD-DBF493994278}" dt="2023-03-30T18:25:38.109" v="1315" actId="478"/>
          <ac:picMkLst>
            <pc:docMk/>
            <pc:sldMk cId="1651195969" sldId="350"/>
            <ac:picMk id="56" creationId="{87B3CC8A-F325-9D90-2B58-98CA0C8301D3}"/>
          </ac:picMkLst>
        </pc:picChg>
        <pc:cxnChg chg="add del mod">
          <ac:chgData name="Scott-Picton, Georgina" userId="ef0a8b2a-fa4d-440f-83f5-cc291b573013" providerId="ADAL" clId="{C9C67190-851D-4542-9ADD-DBF493994278}" dt="2023-03-30T19:32:49.524" v="2995" actId="14100"/>
          <ac:cxnSpMkLst>
            <pc:docMk/>
            <pc:sldMk cId="1651195969" sldId="350"/>
            <ac:cxnSpMk id="2" creationId="{810710C0-5585-2913-9BB8-250B087E0FB7}"/>
          </ac:cxnSpMkLst>
        </pc:cxnChg>
        <pc:cxnChg chg="mod">
          <ac:chgData name="Scott-Picton, Georgina" userId="ef0a8b2a-fa4d-440f-83f5-cc291b573013" providerId="ADAL" clId="{C9C67190-851D-4542-9ADD-DBF493994278}" dt="2023-03-30T19:32:54.023" v="2997" actId="14100"/>
          <ac:cxnSpMkLst>
            <pc:docMk/>
            <pc:sldMk cId="1651195969" sldId="350"/>
            <ac:cxnSpMk id="4" creationId="{11FE83B4-EB7B-0B9F-E62A-A8FD1BBDFFA5}"/>
          </ac:cxnSpMkLst>
        </pc:cxnChg>
        <pc:cxnChg chg="mod">
          <ac:chgData name="Scott-Picton, Georgina" userId="ef0a8b2a-fa4d-440f-83f5-cc291b573013" providerId="ADAL" clId="{C9C67190-851D-4542-9ADD-DBF493994278}" dt="2023-03-30T19:32:56.761" v="2999" actId="1037"/>
          <ac:cxnSpMkLst>
            <pc:docMk/>
            <pc:sldMk cId="1651195969" sldId="350"/>
            <ac:cxnSpMk id="5" creationId="{5F7A9218-F1F1-A0BC-A832-89B0BB4A28C3}"/>
          </ac:cxnSpMkLst>
        </pc:cxnChg>
        <pc:cxnChg chg="add del mod">
          <ac:chgData name="Scott-Picton, Georgina" userId="ef0a8b2a-fa4d-440f-83f5-cc291b573013" providerId="ADAL" clId="{C9C67190-851D-4542-9ADD-DBF493994278}" dt="2023-03-30T19:32:36.648" v="2991" actId="11529"/>
          <ac:cxnSpMkLst>
            <pc:docMk/>
            <pc:sldMk cId="1651195969" sldId="350"/>
            <ac:cxnSpMk id="13" creationId="{FE193ACA-BCF0-81A2-0354-A3C5A12228F8}"/>
          </ac:cxnSpMkLst>
        </pc:cxnChg>
        <pc:cxnChg chg="mod">
          <ac:chgData name="Scott-Picton, Georgina" userId="ef0a8b2a-fa4d-440f-83f5-cc291b573013" providerId="ADAL" clId="{C9C67190-851D-4542-9ADD-DBF493994278}" dt="2023-03-30T19:34:02.608" v="3011" actId="1035"/>
          <ac:cxnSpMkLst>
            <pc:docMk/>
            <pc:sldMk cId="1651195969" sldId="350"/>
            <ac:cxnSpMk id="92" creationId="{2587EB66-6C68-78F7-7BC6-BAA23F88E6B3}"/>
          </ac:cxnSpMkLst>
        </pc:cxnChg>
        <pc:cxnChg chg="mod">
          <ac:chgData name="Scott-Picton, Georgina" userId="ef0a8b2a-fa4d-440f-83f5-cc291b573013" providerId="ADAL" clId="{C9C67190-851D-4542-9ADD-DBF493994278}" dt="2023-03-30T19:35:31.310" v="3059" actId="14100"/>
          <ac:cxnSpMkLst>
            <pc:docMk/>
            <pc:sldMk cId="1651195969" sldId="350"/>
            <ac:cxnSpMk id="93" creationId="{2C8044B0-5926-3389-A3D7-63620D86D413}"/>
          </ac:cxnSpMkLst>
        </pc:cxnChg>
        <pc:cxnChg chg="mod">
          <ac:chgData name="Scott-Picton, Georgina" userId="ef0a8b2a-fa4d-440f-83f5-cc291b573013" providerId="ADAL" clId="{C9C67190-851D-4542-9ADD-DBF493994278}" dt="2023-03-30T19:35:24.363" v="3057" actId="1036"/>
          <ac:cxnSpMkLst>
            <pc:docMk/>
            <pc:sldMk cId="1651195969" sldId="350"/>
            <ac:cxnSpMk id="94" creationId="{FF22900A-BC70-8343-7C50-2EE7C7EA51FA}"/>
          </ac:cxnSpMkLst>
        </pc:cxnChg>
        <pc:cxnChg chg="mod">
          <ac:chgData name="Scott-Picton, Georgina" userId="ef0a8b2a-fa4d-440f-83f5-cc291b573013" providerId="ADAL" clId="{C9C67190-851D-4542-9ADD-DBF493994278}" dt="2023-03-30T19:36:01.154" v="3079" actId="1036"/>
          <ac:cxnSpMkLst>
            <pc:docMk/>
            <pc:sldMk cId="1651195969" sldId="350"/>
            <ac:cxnSpMk id="95" creationId="{C697401E-B3DB-1B01-D790-482AAD79435D}"/>
          </ac:cxnSpMkLst>
        </pc:cxnChg>
        <pc:cxnChg chg="mod">
          <ac:chgData name="Scott-Picton, Georgina" userId="ef0a8b2a-fa4d-440f-83f5-cc291b573013" providerId="ADAL" clId="{C9C67190-851D-4542-9ADD-DBF493994278}" dt="2023-03-30T19:36:40.939" v="3095" actId="1035"/>
          <ac:cxnSpMkLst>
            <pc:docMk/>
            <pc:sldMk cId="1651195969" sldId="350"/>
            <ac:cxnSpMk id="96" creationId="{C379949A-DCDF-22DA-6A76-736082660829}"/>
          </ac:cxnSpMkLst>
        </pc:cxnChg>
        <pc:cxnChg chg="mod">
          <ac:chgData name="Scott-Picton, Georgina" userId="ef0a8b2a-fa4d-440f-83f5-cc291b573013" providerId="ADAL" clId="{C9C67190-851D-4542-9ADD-DBF493994278}" dt="2023-03-30T19:37:27.002" v="3110" actId="1037"/>
          <ac:cxnSpMkLst>
            <pc:docMk/>
            <pc:sldMk cId="1651195969" sldId="350"/>
            <ac:cxnSpMk id="97" creationId="{DE63ED5D-6380-812B-6414-F27A79FC6AAE}"/>
          </ac:cxnSpMkLst>
        </pc:cxnChg>
      </pc:sldChg>
      <pc:sldChg chg="addSp delSp modSp mod">
        <pc:chgData name="Scott-Picton, Georgina" userId="ef0a8b2a-fa4d-440f-83f5-cc291b573013" providerId="ADAL" clId="{C9C67190-851D-4542-9ADD-DBF493994278}" dt="2023-03-30T19:12:56.778" v="2757" actId="1076"/>
        <pc:sldMkLst>
          <pc:docMk/>
          <pc:sldMk cId="4231347567" sldId="351"/>
        </pc:sldMkLst>
        <pc:spChg chg="add del mod">
          <ac:chgData name="Scott-Picton, Georgina" userId="ef0a8b2a-fa4d-440f-83f5-cc291b573013" providerId="ADAL" clId="{C9C67190-851D-4542-9ADD-DBF493994278}" dt="2023-03-30T18:36:29.343" v="1421" actId="478"/>
          <ac:spMkLst>
            <pc:docMk/>
            <pc:sldMk cId="4231347567" sldId="351"/>
            <ac:spMk id="8" creationId="{8C839AC7-8EE5-3DA7-29FE-856A44A674AD}"/>
          </ac:spMkLst>
        </pc:spChg>
        <pc:spChg chg="add del mod">
          <ac:chgData name="Scott-Picton, Georgina" userId="ef0a8b2a-fa4d-440f-83f5-cc291b573013" providerId="ADAL" clId="{C9C67190-851D-4542-9ADD-DBF493994278}" dt="2023-03-30T18:44:08.146" v="1629" actId="478"/>
          <ac:spMkLst>
            <pc:docMk/>
            <pc:sldMk cId="4231347567" sldId="351"/>
            <ac:spMk id="9" creationId="{6629BB77-D4C2-4A2E-B2DC-5F4D334F8776}"/>
          </ac:spMkLst>
        </pc:spChg>
        <pc:spChg chg="add del mod">
          <ac:chgData name="Scott-Picton, Georgina" userId="ef0a8b2a-fa4d-440f-83f5-cc291b573013" providerId="ADAL" clId="{C9C67190-851D-4542-9ADD-DBF493994278}" dt="2023-03-30T18:38:46.112" v="1474" actId="478"/>
          <ac:spMkLst>
            <pc:docMk/>
            <pc:sldMk cId="4231347567" sldId="351"/>
            <ac:spMk id="10" creationId="{66F4F10D-0DC2-3B91-C3C8-75103DD0C9C4}"/>
          </ac:spMkLst>
        </pc:spChg>
        <pc:spChg chg="add mod">
          <ac:chgData name="Scott-Picton, Georgina" userId="ef0a8b2a-fa4d-440f-83f5-cc291b573013" providerId="ADAL" clId="{C9C67190-851D-4542-9ADD-DBF493994278}" dt="2023-03-30T19:04:52.801" v="2663" actId="1076"/>
          <ac:spMkLst>
            <pc:docMk/>
            <pc:sldMk cId="4231347567" sldId="351"/>
            <ac:spMk id="12" creationId="{7351A0D1-F00F-974B-FD72-3CD3B3961B0A}"/>
          </ac:spMkLst>
        </pc:spChg>
        <pc:spChg chg="add mod">
          <ac:chgData name="Scott-Picton, Georgina" userId="ef0a8b2a-fa4d-440f-83f5-cc291b573013" providerId="ADAL" clId="{C9C67190-851D-4542-9ADD-DBF493994278}" dt="2023-03-30T19:06:21.178" v="2678" actId="1076"/>
          <ac:spMkLst>
            <pc:docMk/>
            <pc:sldMk cId="4231347567" sldId="351"/>
            <ac:spMk id="13" creationId="{0E733339-DCB8-476F-FFE1-6C79CD5C04D6}"/>
          </ac:spMkLst>
        </pc:spChg>
        <pc:spChg chg="add mod">
          <ac:chgData name="Scott-Picton, Georgina" userId="ef0a8b2a-fa4d-440f-83f5-cc291b573013" providerId="ADAL" clId="{C9C67190-851D-4542-9ADD-DBF493994278}" dt="2023-03-30T19:06:30.022" v="2679" actId="1076"/>
          <ac:spMkLst>
            <pc:docMk/>
            <pc:sldMk cId="4231347567" sldId="351"/>
            <ac:spMk id="14" creationId="{D97FD40F-C3E8-9651-8AA4-59F848A245A1}"/>
          </ac:spMkLst>
        </pc:spChg>
        <pc:spChg chg="add mod">
          <ac:chgData name="Scott-Picton, Georgina" userId="ef0a8b2a-fa4d-440f-83f5-cc291b573013" providerId="ADAL" clId="{C9C67190-851D-4542-9ADD-DBF493994278}" dt="2023-03-30T19:12:07.774" v="2748" actId="1038"/>
          <ac:spMkLst>
            <pc:docMk/>
            <pc:sldMk cId="4231347567" sldId="351"/>
            <ac:spMk id="17" creationId="{233C8D18-3F79-1DA2-3A6B-F048EDAD93A2}"/>
          </ac:spMkLst>
        </pc:spChg>
        <pc:spChg chg="add mod">
          <ac:chgData name="Scott-Picton, Georgina" userId="ef0a8b2a-fa4d-440f-83f5-cc291b573013" providerId="ADAL" clId="{C9C67190-851D-4542-9ADD-DBF493994278}" dt="2023-03-30T19:12:18.301" v="2751" actId="1036"/>
          <ac:spMkLst>
            <pc:docMk/>
            <pc:sldMk cId="4231347567" sldId="351"/>
            <ac:spMk id="20" creationId="{3B5908EE-CAA9-D046-6ECF-6DBEDEA99ABC}"/>
          </ac:spMkLst>
        </pc:spChg>
        <pc:spChg chg="add mod">
          <ac:chgData name="Scott-Picton, Georgina" userId="ef0a8b2a-fa4d-440f-83f5-cc291b573013" providerId="ADAL" clId="{C9C67190-851D-4542-9ADD-DBF493994278}" dt="2023-03-30T19:05:24.550" v="2670" actId="1076"/>
          <ac:spMkLst>
            <pc:docMk/>
            <pc:sldMk cId="4231347567" sldId="351"/>
            <ac:spMk id="22" creationId="{ACDE6B9B-5372-10E9-E96B-9668B89B3730}"/>
          </ac:spMkLst>
        </pc:spChg>
        <pc:spChg chg="mod">
          <ac:chgData name="Scott-Picton, Georgina" userId="ef0a8b2a-fa4d-440f-83f5-cc291b573013" providerId="ADAL" clId="{C9C67190-851D-4542-9ADD-DBF493994278}" dt="2023-03-30T19:04:31.089" v="2658" actId="1076"/>
          <ac:spMkLst>
            <pc:docMk/>
            <pc:sldMk cId="4231347567" sldId="351"/>
            <ac:spMk id="23" creationId="{919CD225-6325-4AB3-94E4-F37DCE48D273}"/>
          </ac:spMkLst>
        </pc:spChg>
        <pc:spChg chg="add mod">
          <ac:chgData name="Scott-Picton, Georgina" userId="ef0a8b2a-fa4d-440f-83f5-cc291b573013" providerId="ADAL" clId="{C9C67190-851D-4542-9ADD-DBF493994278}" dt="2023-03-30T19:05:20.180" v="2669" actId="1076"/>
          <ac:spMkLst>
            <pc:docMk/>
            <pc:sldMk cId="4231347567" sldId="351"/>
            <ac:spMk id="25" creationId="{5DAA3A70-BDA5-CEB5-FB4B-346938032DBE}"/>
          </ac:spMkLst>
        </pc:spChg>
        <pc:spChg chg="add mod">
          <ac:chgData name="Scott-Picton, Georgina" userId="ef0a8b2a-fa4d-440f-83f5-cc291b573013" providerId="ADAL" clId="{C9C67190-851D-4542-9ADD-DBF493994278}" dt="2023-03-30T19:10:11.424" v="2701" actId="1076"/>
          <ac:spMkLst>
            <pc:docMk/>
            <pc:sldMk cId="4231347567" sldId="351"/>
            <ac:spMk id="41" creationId="{0EC87B4F-6624-F3CE-1CEB-7769CBC1A745}"/>
          </ac:spMkLst>
        </pc:spChg>
        <pc:spChg chg="add mod">
          <ac:chgData name="Scott-Picton, Georgina" userId="ef0a8b2a-fa4d-440f-83f5-cc291b573013" providerId="ADAL" clId="{C9C67190-851D-4542-9ADD-DBF493994278}" dt="2023-03-30T19:10:49.174" v="2737" actId="1038"/>
          <ac:spMkLst>
            <pc:docMk/>
            <pc:sldMk cId="4231347567" sldId="351"/>
            <ac:spMk id="42" creationId="{0EEEA1B1-2A33-5587-D0FA-90F8050C59A4}"/>
          </ac:spMkLst>
        </pc:spChg>
        <pc:grpChg chg="add mod">
          <ac:chgData name="Scott-Picton, Georgina" userId="ef0a8b2a-fa4d-440f-83f5-cc291b573013" providerId="ADAL" clId="{C9C67190-851D-4542-9ADD-DBF493994278}" dt="2023-03-30T19:04:34.604" v="2659" actId="14100"/>
          <ac:grpSpMkLst>
            <pc:docMk/>
            <pc:sldMk cId="4231347567" sldId="351"/>
            <ac:grpSpMk id="2" creationId="{B5DDC8A3-B24A-F02C-CF39-1FE2B3877E68}"/>
          </ac:grpSpMkLst>
        </pc:grpChg>
        <pc:graphicFrameChg chg="add mod modGraphic">
          <ac:chgData name="Scott-Picton, Georgina" userId="ef0a8b2a-fa4d-440f-83f5-cc291b573013" providerId="ADAL" clId="{C9C67190-851D-4542-9ADD-DBF493994278}" dt="2023-03-30T19:06:00.693" v="2674" actId="1076"/>
          <ac:graphicFrameMkLst>
            <pc:docMk/>
            <pc:sldMk cId="4231347567" sldId="351"/>
            <ac:graphicFrameMk id="26" creationId="{1FD505C4-6D5A-E25A-55F5-E07B5EAA4900}"/>
          </ac:graphicFrameMkLst>
        </pc:graphicFrameChg>
        <pc:picChg chg="add mod">
          <ac:chgData name="Scott-Picton, Georgina" userId="ef0a8b2a-fa4d-440f-83f5-cc291b573013" providerId="ADAL" clId="{C9C67190-851D-4542-9ADD-DBF493994278}" dt="2023-03-30T19:12:56.778" v="2757" actId="1076"/>
          <ac:picMkLst>
            <pc:docMk/>
            <pc:sldMk cId="4231347567" sldId="351"/>
            <ac:picMk id="7" creationId="{1BB2CA84-D5CF-FDEB-260C-5DE059F1C3F6}"/>
          </ac:picMkLst>
        </pc:picChg>
        <pc:picChg chg="del mod">
          <ac:chgData name="Scott-Picton, Georgina" userId="ef0a8b2a-fa4d-440f-83f5-cc291b573013" providerId="ADAL" clId="{C9C67190-851D-4542-9ADD-DBF493994278}" dt="2023-03-30T19:05:37.690" v="2672" actId="478"/>
          <ac:picMkLst>
            <pc:docMk/>
            <pc:sldMk cId="4231347567" sldId="351"/>
            <ac:picMk id="24" creationId="{99491BDF-22B4-4254-90C1-0440DFE76CEC}"/>
          </ac:picMkLst>
        </pc:picChg>
        <pc:cxnChg chg="mod">
          <ac:chgData name="Scott-Picton, Georgina" userId="ef0a8b2a-fa4d-440f-83f5-cc291b573013" providerId="ADAL" clId="{C9C67190-851D-4542-9ADD-DBF493994278}" dt="2023-03-30T18:35:17.019" v="1404"/>
          <ac:cxnSpMkLst>
            <pc:docMk/>
            <pc:sldMk cId="4231347567" sldId="351"/>
            <ac:cxnSpMk id="3" creationId="{C2D367CD-EFB1-17A6-5018-8C2450EC22E4}"/>
          </ac:cxnSpMkLst>
        </pc:cxnChg>
        <pc:cxnChg chg="mod">
          <ac:chgData name="Scott-Picton, Georgina" userId="ef0a8b2a-fa4d-440f-83f5-cc291b573013" providerId="ADAL" clId="{C9C67190-851D-4542-9ADD-DBF493994278}" dt="2023-03-30T18:35:17.019" v="1404"/>
          <ac:cxnSpMkLst>
            <pc:docMk/>
            <pc:sldMk cId="4231347567" sldId="351"/>
            <ac:cxnSpMk id="4" creationId="{490607A5-1AF4-5A8E-B375-1EEE00AAEC8B}"/>
          </ac:cxnSpMkLst>
        </pc:cxnChg>
        <pc:cxnChg chg="mod">
          <ac:chgData name="Scott-Picton, Georgina" userId="ef0a8b2a-fa4d-440f-83f5-cc291b573013" providerId="ADAL" clId="{C9C67190-851D-4542-9ADD-DBF493994278}" dt="2023-03-30T18:35:17.019" v="1404"/>
          <ac:cxnSpMkLst>
            <pc:docMk/>
            <pc:sldMk cId="4231347567" sldId="351"/>
            <ac:cxnSpMk id="5" creationId="{3346ACC1-804E-D8E1-9EC9-8D00BC2F025E}"/>
          </ac:cxnSpMkLst>
        </pc:cxnChg>
        <pc:cxnChg chg="mod">
          <ac:chgData name="Scott-Picton, Georgina" userId="ef0a8b2a-fa4d-440f-83f5-cc291b573013" providerId="ADAL" clId="{C9C67190-851D-4542-9ADD-DBF493994278}" dt="2023-03-30T18:35:17.019" v="1404"/>
          <ac:cxnSpMkLst>
            <pc:docMk/>
            <pc:sldMk cId="4231347567" sldId="351"/>
            <ac:cxnSpMk id="6" creationId="{916032D3-6CEF-57D7-3AD1-12389769AC22}"/>
          </ac:cxnSpMkLst>
        </pc:cxnChg>
        <pc:cxnChg chg="add mod">
          <ac:chgData name="Scott-Picton, Georgina" userId="ef0a8b2a-fa4d-440f-83f5-cc291b573013" providerId="ADAL" clId="{C9C67190-851D-4542-9ADD-DBF493994278}" dt="2023-03-30T19:06:56.107" v="2684" actId="14100"/>
          <ac:cxnSpMkLst>
            <pc:docMk/>
            <pc:sldMk cId="4231347567" sldId="351"/>
            <ac:cxnSpMk id="28" creationId="{C10727A2-C5E5-7664-2818-16323825C0FD}"/>
          </ac:cxnSpMkLst>
        </pc:cxnChg>
        <pc:cxnChg chg="add">
          <ac:chgData name="Scott-Picton, Georgina" userId="ef0a8b2a-fa4d-440f-83f5-cc291b573013" providerId="ADAL" clId="{C9C67190-851D-4542-9ADD-DBF493994278}" dt="2023-03-30T19:08:51.823" v="2685" actId="11529"/>
          <ac:cxnSpMkLst>
            <pc:docMk/>
            <pc:sldMk cId="4231347567" sldId="351"/>
            <ac:cxnSpMk id="32" creationId="{C160CD40-CDD0-E71E-F5CF-506DB616D056}"/>
          </ac:cxnSpMkLst>
        </pc:cxnChg>
        <pc:cxnChg chg="add del mod">
          <ac:chgData name="Scott-Picton, Georgina" userId="ef0a8b2a-fa4d-440f-83f5-cc291b573013" providerId="ADAL" clId="{C9C67190-851D-4542-9ADD-DBF493994278}" dt="2023-03-30T19:09:02.583" v="2687" actId="478"/>
          <ac:cxnSpMkLst>
            <pc:docMk/>
            <pc:sldMk cId="4231347567" sldId="351"/>
            <ac:cxnSpMk id="33" creationId="{E4DBF432-7BC9-2431-E7FB-F841F9010566}"/>
          </ac:cxnSpMkLst>
        </pc:cxnChg>
        <pc:cxnChg chg="add del mod">
          <ac:chgData name="Scott-Picton, Georgina" userId="ef0a8b2a-fa4d-440f-83f5-cc291b573013" providerId="ADAL" clId="{C9C67190-851D-4542-9ADD-DBF493994278}" dt="2023-03-30T19:09:29.779" v="2692" actId="478"/>
          <ac:cxnSpMkLst>
            <pc:docMk/>
            <pc:sldMk cId="4231347567" sldId="351"/>
            <ac:cxnSpMk id="35" creationId="{1A2E694E-506C-5A93-973A-696D5CDFE75B}"/>
          </ac:cxnSpMkLst>
        </pc:cxnChg>
        <pc:cxnChg chg="add">
          <ac:chgData name="Scott-Picton, Georgina" userId="ef0a8b2a-fa4d-440f-83f5-cc291b573013" providerId="ADAL" clId="{C9C67190-851D-4542-9ADD-DBF493994278}" dt="2023-03-30T19:09:41.549" v="2693" actId="11529"/>
          <ac:cxnSpMkLst>
            <pc:docMk/>
            <pc:sldMk cId="4231347567" sldId="351"/>
            <ac:cxnSpMk id="40" creationId="{B084AAD9-E679-581E-8C04-F6EB8DD8C8A8}"/>
          </ac:cxnSpMkLst>
        </pc:cxnChg>
        <pc:cxnChg chg="add">
          <ac:chgData name="Scott-Picton, Georgina" userId="ef0a8b2a-fa4d-440f-83f5-cc291b573013" providerId="ADAL" clId="{C9C67190-851D-4542-9ADD-DBF493994278}" dt="2023-03-30T19:11:11.297" v="2738" actId="11529"/>
          <ac:cxnSpMkLst>
            <pc:docMk/>
            <pc:sldMk cId="4231347567" sldId="351"/>
            <ac:cxnSpMk id="44" creationId="{A51CF8CC-497C-E964-5419-0FFC913B28C8}"/>
          </ac:cxnSpMkLst>
        </pc:cxnChg>
        <pc:cxnChg chg="add">
          <ac:chgData name="Scott-Picton, Georgina" userId="ef0a8b2a-fa4d-440f-83f5-cc291b573013" providerId="ADAL" clId="{C9C67190-851D-4542-9ADD-DBF493994278}" dt="2023-03-30T19:11:19.038" v="2739" actId="11529"/>
          <ac:cxnSpMkLst>
            <pc:docMk/>
            <pc:sldMk cId="4231347567" sldId="351"/>
            <ac:cxnSpMk id="46" creationId="{56848049-A022-1ADA-D3B4-9A81D6FC7FA0}"/>
          </ac:cxnSpMkLst>
        </pc:cxnChg>
        <pc:cxnChg chg="add del mod">
          <ac:chgData name="Scott-Picton, Georgina" userId="ef0a8b2a-fa4d-440f-83f5-cc291b573013" providerId="ADAL" clId="{C9C67190-851D-4542-9ADD-DBF493994278}" dt="2023-03-30T19:11:41.388" v="2744" actId="478"/>
          <ac:cxnSpMkLst>
            <pc:docMk/>
            <pc:sldMk cId="4231347567" sldId="351"/>
            <ac:cxnSpMk id="48" creationId="{4FE675D5-7707-894F-FD88-71E8B16D51F2}"/>
          </ac:cxnSpMkLst>
        </pc:cxnChg>
        <pc:cxnChg chg="add del mod">
          <ac:chgData name="Scott-Picton, Georgina" userId="ef0a8b2a-fa4d-440f-83f5-cc291b573013" providerId="ADAL" clId="{C9C67190-851D-4542-9ADD-DBF493994278}" dt="2023-03-30T19:11:43.475" v="2745" actId="478"/>
          <ac:cxnSpMkLst>
            <pc:docMk/>
            <pc:sldMk cId="4231347567" sldId="351"/>
            <ac:cxnSpMk id="50" creationId="{05302EAD-957A-A9CA-4619-3B35FAEC9EB2}"/>
          </ac:cxnSpMkLst>
        </pc:cxnChg>
        <pc:cxnChg chg="add">
          <ac:chgData name="Scott-Picton, Georgina" userId="ef0a8b2a-fa4d-440f-83f5-cc291b573013" providerId="ADAL" clId="{C9C67190-851D-4542-9ADD-DBF493994278}" dt="2023-03-30T19:12:15.056" v="2749" actId="11529"/>
          <ac:cxnSpMkLst>
            <pc:docMk/>
            <pc:sldMk cId="4231347567" sldId="351"/>
            <ac:cxnSpMk id="54" creationId="{906AC316-9821-74A4-7497-03CC87CE7350}"/>
          </ac:cxnSpMkLst>
        </pc:cxnChg>
        <pc:cxnChg chg="add del mod">
          <ac:chgData name="Scott-Picton, Georgina" userId="ef0a8b2a-fa4d-440f-83f5-cc291b573013" providerId="ADAL" clId="{C9C67190-851D-4542-9ADD-DBF493994278}" dt="2023-03-30T19:12:28.947" v="2753" actId="11529"/>
          <ac:cxnSpMkLst>
            <pc:docMk/>
            <pc:sldMk cId="4231347567" sldId="351"/>
            <ac:cxnSpMk id="56" creationId="{4174C937-45AD-BDBE-63FE-4CB7E188ACE2}"/>
          </ac:cxnSpMkLst>
        </pc:cxnChg>
        <pc:cxnChg chg="add">
          <ac:chgData name="Scott-Picton, Georgina" userId="ef0a8b2a-fa4d-440f-83f5-cc291b573013" providerId="ADAL" clId="{C9C67190-851D-4542-9ADD-DBF493994278}" dt="2023-03-30T19:12:36.362" v="2754" actId="11529"/>
          <ac:cxnSpMkLst>
            <pc:docMk/>
            <pc:sldMk cId="4231347567" sldId="351"/>
            <ac:cxnSpMk id="58" creationId="{132C9FE9-252C-3974-2C21-A16508DCFDAF}"/>
          </ac:cxnSpMkLst>
        </pc:cxnChg>
      </pc:sldChg>
      <pc:sldChg chg="addSp delSp modSp mod">
        <pc:chgData name="Scott-Picton, Georgina" userId="ef0a8b2a-fa4d-440f-83f5-cc291b573013" providerId="ADAL" clId="{C9C67190-851D-4542-9ADD-DBF493994278}" dt="2023-03-30T18:35:08.780" v="1401" actId="164"/>
        <pc:sldMkLst>
          <pc:docMk/>
          <pc:sldMk cId="1879909833" sldId="353"/>
        </pc:sldMkLst>
        <pc:spChg chg="mod topLvl">
          <ac:chgData name="Scott-Picton, Georgina" userId="ef0a8b2a-fa4d-440f-83f5-cc291b573013" providerId="ADAL" clId="{C9C67190-851D-4542-9ADD-DBF493994278}" dt="2023-03-30T18:01:19.878" v="152" actId="338"/>
          <ac:spMkLst>
            <pc:docMk/>
            <pc:sldMk cId="1879909833" sldId="353"/>
            <ac:spMk id="4" creationId="{77B27A1B-7D2D-0595-EA50-94E8D2AE0C34}"/>
          </ac:spMkLst>
        </pc:spChg>
        <pc:spChg chg="mod topLvl">
          <ac:chgData name="Scott-Picton, Georgina" userId="ef0a8b2a-fa4d-440f-83f5-cc291b573013" providerId="ADAL" clId="{C9C67190-851D-4542-9ADD-DBF493994278}" dt="2023-03-30T18:01:26.320" v="153" actId="1076"/>
          <ac:spMkLst>
            <pc:docMk/>
            <pc:sldMk cId="1879909833" sldId="353"/>
            <ac:spMk id="5" creationId="{03D82647-1EF6-D2F5-2371-ECE3E500808D}"/>
          </ac:spMkLst>
        </pc:spChg>
        <pc:spChg chg="mod">
          <ac:chgData name="Scott-Picton, Georgina" userId="ef0a8b2a-fa4d-440f-83f5-cc291b573013" providerId="ADAL" clId="{C9C67190-851D-4542-9ADD-DBF493994278}" dt="2023-03-30T18:01:37.078" v="155"/>
          <ac:spMkLst>
            <pc:docMk/>
            <pc:sldMk cId="1879909833" sldId="353"/>
            <ac:spMk id="8" creationId="{BF5491E7-B8F2-A2C2-562F-CA2D5AFAB862}"/>
          </ac:spMkLst>
        </pc:spChg>
        <pc:spChg chg="mod">
          <ac:chgData name="Scott-Picton, Georgina" userId="ef0a8b2a-fa4d-440f-83f5-cc291b573013" providerId="ADAL" clId="{C9C67190-851D-4542-9ADD-DBF493994278}" dt="2023-03-30T18:02:16.619" v="209" actId="1037"/>
          <ac:spMkLst>
            <pc:docMk/>
            <pc:sldMk cId="1879909833" sldId="353"/>
            <ac:spMk id="9" creationId="{B4B4434B-EFCF-B024-E36F-158464DED4FB}"/>
          </ac:spMkLst>
        </pc:spChg>
        <pc:spChg chg="mod">
          <ac:chgData name="Scott-Picton, Georgina" userId="ef0a8b2a-fa4d-440f-83f5-cc291b573013" providerId="ADAL" clId="{C9C67190-851D-4542-9ADD-DBF493994278}" dt="2023-03-30T18:02:25.930" v="210"/>
          <ac:spMkLst>
            <pc:docMk/>
            <pc:sldMk cId="1879909833" sldId="353"/>
            <ac:spMk id="12" creationId="{E9948C24-BDAB-934C-D36E-C85E340033B0}"/>
          </ac:spMkLst>
        </pc:spChg>
        <pc:spChg chg="mod">
          <ac:chgData name="Scott-Picton, Georgina" userId="ef0a8b2a-fa4d-440f-83f5-cc291b573013" providerId="ADAL" clId="{C9C67190-851D-4542-9ADD-DBF493994278}" dt="2023-03-30T18:02:46.117" v="235" actId="1036"/>
          <ac:spMkLst>
            <pc:docMk/>
            <pc:sldMk cId="1879909833" sldId="353"/>
            <ac:spMk id="13" creationId="{23BFD329-B25C-075A-5C8D-41CB4F2625ED}"/>
          </ac:spMkLst>
        </pc:spChg>
        <pc:spChg chg="add del mod">
          <ac:chgData name="Scott-Picton, Georgina" userId="ef0a8b2a-fa4d-440f-83f5-cc291b573013" providerId="ADAL" clId="{C9C67190-851D-4542-9ADD-DBF493994278}" dt="2023-03-30T18:04:55.859" v="250" actId="478"/>
          <ac:spMkLst>
            <pc:docMk/>
            <pc:sldMk cId="1879909833" sldId="353"/>
            <ac:spMk id="14" creationId="{AF0BABA7-9307-D88A-ABB6-6938192AA6D6}"/>
          </ac:spMkLst>
        </pc:spChg>
        <pc:spChg chg="mod">
          <ac:chgData name="Scott-Picton, Georgina" userId="ef0a8b2a-fa4d-440f-83f5-cc291b573013" providerId="ADAL" clId="{C9C67190-851D-4542-9ADD-DBF493994278}" dt="2023-03-30T18:20:55.508" v="1243" actId="1076"/>
          <ac:spMkLst>
            <pc:docMk/>
            <pc:sldMk cId="1879909833" sldId="353"/>
            <ac:spMk id="17" creationId="{64C27635-C4B2-0C48-05FA-611B99004BE8}"/>
          </ac:spMkLst>
        </pc:spChg>
        <pc:spChg chg="mod">
          <ac:chgData name="Scott-Picton, Georgina" userId="ef0a8b2a-fa4d-440f-83f5-cc291b573013" providerId="ADAL" clId="{C9C67190-851D-4542-9ADD-DBF493994278}" dt="2023-03-30T18:11:33.671" v="769" actId="14100"/>
          <ac:spMkLst>
            <pc:docMk/>
            <pc:sldMk cId="1879909833" sldId="353"/>
            <ac:spMk id="18" creationId="{D9CAD6EF-A889-997C-CF58-264D0FA4CD49}"/>
          </ac:spMkLst>
        </pc:spChg>
        <pc:spChg chg="mod">
          <ac:chgData name="Scott-Picton, Georgina" userId="ef0a8b2a-fa4d-440f-83f5-cc291b573013" providerId="ADAL" clId="{C9C67190-851D-4542-9ADD-DBF493994278}" dt="2023-03-30T18:12:10.906" v="787" actId="20577"/>
          <ac:spMkLst>
            <pc:docMk/>
            <pc:sldMk cId="1879909833" sldId="353"/>
            <ac:spMk id="20" creationId="{377FB77E-6F48-B5E7-DB41-9489A7B48E4C}"/>
          </ac:spMkLst>
        </pc:spChg>
        <pc:spChg chg="mod">
          <ac:chgData name="Scott-Picton, Georgina" userId="ef0a8b2a-fa4d-440f-83f5-cc291b573013" providerId="ADAL" clId="{C9C67190-851D-4542-9ADD-DBF493994278}" dt="2023-03-30T18:13:42.836" v="1136" actId="20577"/>
          <ac:spMkLst>
            <pc:docMk/>
            <pc:sldMk cId="1879909833" sldId="353"/>
            <ac:spMk id="21" creationId="{8A11527C-A489-19A2-98BF-F20CBB87A1B3}"/>
          </ac:spMkLst>
        </pc:spChg>
        <pc:spChg chg="add mod">
          <ac:chgData name="Scott-Picton, Georgina" userId="ef0a8b2a-fa4d-440f-83f5-cc291b573013" providerId="ADAL" clId="{C9C67190-851D-4542-9ADD-DBF493994278}" dt="2023-03-30T18:16:12.860" v="1197" actId="164"/>
          <ac:spMkLst>
            <pc:docMk/>
            <pc:sldMk cId="1879909833" sldId="353"/>
            <ac:spMk id="22" creationId="{4D6A70C1-9E28-F70D-101D-AD965B1ABB92}"/>
          </ac:spMkLst>
        </pc:spChg>
        <pc:spChg chg="mod">
          <ac:chgData name="Scott-Picton, Georgina" userId="ef0a8b2a-fa4d-440f-83f5-cc291b573013" providerId="ADAL" clId="{C9C67190-851D-4542-9ADD-DBF493994278}" dt="2023-03-30T12:00:57.502" v="72" actId="20577"/>
          <ac:spMkLst>
            <pc:docMk/>
            <pc:sldMk cId="1879909833" sldId="353"/>
            <ac:spMk id="39" creationId="{FFC7149A-FB94-4D47-9263-81E2CD6E3141}"/>
          </ac:spMkLst>
        </pc:spChg>
        <pc:spChg chg="mod">
          <ac:chgData name="Scott-Picton, Georgina" userId="ef0a8b2a-fa4d-440f-83f5-cc291b573013" providerId="ADAL" clId="{C9C67190-851D-4542-9ADD-DBF493994278}" dt="2023-03-30T12:00:13.825" v="0" actId="20577"/>
          <ac:spMkLst>
            <pc:docMk/>
            <pc:sldMk cId="1879909833" sldId="353"/>
            <ac:spMk id="45" creationId="{C110F32C-D432-4FCF-8886-6D6394F62853}"/>
          </ac:spMkLst>
        </pc:spChg>
        <pc:grpChg chg="add del mod">
          <ac:chgData name="Scott-Picton, Georgina" userId="ef0a8b2a-fa4d-440f-83f5-cc291b573013" providerId="ADAL" clId="{C9C67190-851D-4542-9ADD-DBF493994278}" dt="2023-03-30T18:00:52.490" v="147" actId="165"/>
          <ac:grpSpMkLst>
            <pc:docMk/>
            <pc:sldMk cId="1879909833" sldId="353"/>
            <ac:grpSpMk id="3" creationId="{C485F8C0-26D1-EE1D-FA1F-EABE7CCD89BC}"/>
          </ac:grpSpMkLst>
        </pc:grpChg>
        <pc:grpChg chg="add mod">
          <ac:chgData name="Scott-Picton, Georgina" userId="ef0a8b2a-fa4d-440f-83f5-cc291b573013" providerId="ADAL" clId="{C9C67190-851D-4542-9ADD-DBF493994278}" dt="2023-03-30T18:24:21.628" v="1300" actId="1038"/>
          <ac:grpSpMkLst>
            <pc:docMk/>
            <pc:sldMk cId="1879909833" sldId="353"/>
            <ac:grpSpMk id="6" creationId="{1C041AD0-072E-5C17-51B2-4D48B3B34F82}"/>
          </ac:grpSpMkLst>
        </pc:grpChg>
        <pc:grpChg chg="add mod">
          <ac:chgData name="Scott-Picton, Georgina" userId="ef0a8b2a-fa4d-440f-83f5-cc291b573013" providerId="ADAL" clId="{C9C67190-851D-4542-9ADD-DBF493994278}" dt="2023-03-30T18:24:21.628" v="1300" actId="1038"/>
          <ac:grpSpMkLst>
            <pc:docMk/>
            <pc:sldMk cId="1879909833" sldId="353"/>
            <ac:grpSpMk id="7" creationId="{14E4321E-8F2D-4CB1-F00F-56855FCCDF55}"/>
          </ac:grpSpMkLst>
        </pc:grpChg>
        <pc:grpChg chg="add mod">
          <ac:chgData name="Scott-Picton, Georgina" userId="ef0a8b2a-fa4d-440f-83f5-cc291b573013" providerId="ADAL" clId="{C9C67190-851D-4542-9ADD-DBF493994278}" dt="2023-03-30T18:24:21.628" v="1300" actId="1038"/>
          <ac:grpSpMkLst>
            <pc:docMk/>
            <pc:sldMk cId="1879909833" sldId="353"/>
            <ac:grpSpMk id="10" creationId="{E858443E-B896-1BDB-4A1E-96F2D2737811}"/>
          </ac:grpSpMkLst>
        </pc:grpChg>
        <pc:grpChg chg="mod">
          <ac:chgData name="Scott-Picton, Georgina" userId="ef0a8b2a-fa4d-440f-83f5-cc291b573013" providerId="ADAL" clId="{C9C67190-851D-4542-9ADD-DBF493994278}" dt="2023-03-30T18:24:21.628" v="1300" actId="1038"/>
          <ac:grpSpMkLst>
            <pc:docMk/>
            <pc:sldMk cId="1879909833" sldId="353"/>
            <ac:grpSpMk id="16" creationId="{379EF345-3EB9-35EE-E4E9-883C676CFAAB}"/>
          </ac:grpSpMkLst>
        </pc:grpChg>
        <pc:grpChg chg="add mod">
          <ac:chgData name="Scott-Picton, Georgina" userId="ef0a8b2a-fa4d-440f-83f5-cc291b573013" providerId="ADAL" clId="{C9C67190-851D-4542-9ADD-DBF493994278}" dt="2023-03-30T18:24:21.628" v="1300" actId="1038"/>
          <ac:grpSpMkLst>
            <pc:docMk/>
            <pc:sldMk cId="1879909833" sldId="353"/>
            <ac:grpSpMk id="19" creationId="{B5ABEB5D-06BC-1FC5-FBF5-FCD0485316F2}"/>
          </ac:grpSpMkLst>
        </pc:grpChg>
        <pc:grpChg chg="add del mod ord">
          <ac:chgData name="Scott-Picton, Georgina" userId="ef0a8b2a-fa4d-440f-83f5-cc291b573013" providerId="ADAL" clId="{C9C67190-851D-4542-9ADD-DBF493994278}" dt="2023-03-30T18:33:44.152" v="1384" actId="478"/>
          <ac:grpSpMkLst>
            <pc:docMk/>
            <pc:sldMk cId="1879909833" sldId="353"/>
            <ac:grpSpMk id="23" creationId="{B4C95147-9293-95D0-E6BC-2765597BA55A}"/>
          </ac:grpSpMkLst>
        </pc:grpChg>
        <pc:grpChg chg="add mod">
          <ac:chgData name="Scott-Picton, Georgina" userId="ef0a8b2a-fa4d-440f-83f5-cc291b573013" providerId="ADAL" clId="{C9C67190-851D-4542-9ADD-DBF493994278}" dt="2023-03-30T18:35:08.780" v="1401" actId="164"/>
          <ac:grpSpMkLst>
            <pc:docMk/>
            <pc:sldMk cId="1879909833" sldId="353"/>
            <ac:grpSpMk id="52" creationId="{7234C3ED-CBFC-3667-506C-1154967B60A9}"/>
          </ac:grpSpMkLst>
        </pc:grpChg>
        <pc:graphicFrameChg chg="add del mod modGraphic">
          <ac:chgData name="Scott-Picton, Georgina" userId="ef0a8b2a-fa4d-440f-83f5-cc291b573013" providerId="ADAL" clId="{C9C67190-851D-4542-9ADD-DBF493994278}" dt="2023-03-30T18:10:11.030" v="750" actId="18245"/>
          <ac:graphicFrameMkLst>
            <pc:docMk/>
            <pc:sldMk cId="1879909833" sldId="353"/>
            <ac:graphicFrameMk id="15" creationId="{3CD64194-F276-D41E-F23D-43EB55A0F4C6}"/>
          </ac:graphicFrameMkLst>
        </pc:graphicFrameChg>
        <pc:picChg chg="mod modCrop">
          <ac:chgData name="Scott-Picton, Georgina" userId="ef0a8b2a-fa4d-440f-83f5-cc291b573013" providerId="ADAL" clId="{C9C67190-851D-4542-9ADD-DBF493994278}" dt="2023-03-30T18:16:12.860" v="1197" actId="164"/>
          <ac:picMkLst>
            <pc:docMk/>
            <pc:sldMk cId="1879909833" sldId="353"/>
            <ac:picMk id="2" creationId="{657C46F2-BEA0-48A6-954C-313E70259BDD}"/>
          </ac:picMkLst>
        </pc:picChg>
        <pc:picChg chg="add mod">
          <ac:chgData name="Scott-Picton, Georgina" userId="ef0a8b2a-fa4d-440f-83f5-cc291b573013" providerId="ADAL" clId="{C9C67190-851D-4542-9ADD-DBF493994278}" dt="2023-03-30T18:33:56.454" v="1392" actId="1035"/>
          <ac:picMkLst>
            <pc:docMk/>
            <pc:sldMk cId="1879909833" sldId="353"/>
            <ac:picMk id="51" creationId="{3987AC6A-CEDC-876A-7376-A2B80CE4B04A}"/>
          </ac:picMkLst>
        </pc:picChg>
        <pc:cxnChg chg="add mod">
          <ac:chgData name="Scott-Picton, Georgina" userId="ef0a8b2a-fa4d-440f-83f5-cc291b573013" providerId="ADAL" clId="{C9C67190-851D-4542-9ADD-DBF493994278}" dt="2023-03-30T18:24:21.628" v="1300" actId="1038"/>
          <ac:cxnSpMkLst>
            <pc:docMk/>
            <pc:sldMk cId="1879909833" sldId="353"/>
            <ac:cxnSpMk id="24" creationId="{81C54B48-AEE0-5AAD-D50C-107E82E2890C}"/>
          </ac:cxnSpMkLst>
        </pc:cxnChg>
        <pc:cxnChg chg="add mod">
          <ac:chgData name="Scott-Picton, Georgina" userId="ef0a8b2a-fa4d-440f-83f5-cc291b573013" providerId="ADAL" clId="{C9C67190-851D-4542-9ADD-DBF493994278}" dt="2023-03-30T18:24:21.628" v="1300" actId="1038"/>
          <ac:cxnSpMkLst>
            <pc:docMk/>
            <pc:sldMk cId="1879909833" sldId="353"/>
            <ac:cxnSpMk id="27" creationId="{EA491EC1-789E-9C74-2C72-3BF253D41740}"/>
          </ac:cxnSpMkLst>
        </pc:cxnChg>
        <pc:cxnChg chg="add mod">
          <ac:chgData name="Scott-Picton, Georgina" userId="ef0a8b2a-fa4d-440f-83f5-cc291b573013" providerId="ADAL" clId="{C9C67190-851D-4542-9ADD-DBF493994278}" dt="2023-03-30T18:34:09.977" v="1394" actId="1037"/>
          <ac:cxnSpMkLst>
            <pc:docMk/>
            <pc:sldMk cId="1879909833" sldId="353"/>
            <ac:cxnSpMk id="28" creationId="{2F82841A-DF00-51F8-77DE-445956AD59D5}"/>
          </ac:cxnSpMkLst>
        </pc:cxnChg>
        <pc:cxnChg chg="add mod">
          <ac:chgData name="Scott-Picton, Georgina" userId="ef0a8b2a-fa4d-440f-83f5-cc291b573013" providerId="ADAL" clId="{C9C67190-851D-4542-9ADD-DBF493994278}" dt="2023-03-30T18:35:08.780" v="1401" actId="164"/>
          <ac:cxnSpMkLst>
            <pc:docMk/>
            <pc:sldMk cId="1879909833" sldId="353"/>
            <ac:cxnSpMk id="30" creationId="{2FE80601-FFA4-4B8A-85F7-ED45D1FE3130}"/>
          </ac:cxnSpMkLst>
        </pc:cxnChg>
        <pc:cxnChg chg="add mod">
          <ac:chgData name="Scott-Picton, Georgina" userId="ef0a8b2a-fa4d-440f-83f5-cc291b573013" providerId="ADAL" clId="{C9C67190-851D-4542-9ADD-DBF493994278}" dt="2023-03-30T18:35:08.780" v="1401" actId="164"/>
          <ac:cxnSpMkLst>
            <pc:docMk/>
            <pc:sldMk cId="1879909833" sldId="353"/>
            <ac:cxnSpMk id="36" creationId="{30DCD6C5-819D-5116-340D-47D509EF6424}"/>
          </ac:cxnSpMkLst>
        </pc:cxnChg>
        <pc:cxnChg chg="add mod">
          <ac:chgData name="Scott-Picton, Georgina" userId="ef0a8b2a-fa4d-440f-83f5-cc291b573013" providerId="ADAL" clId="{C9C67190-851D-4542-9ADD-DBF493994278}" dt="2023-03-30T18:35:08.780" v="1401" actId="164"/>
          <ac:cxnSpMkLst>
            <pc:docMk/>
            <pc:sldMk cId="1879909833" sldId="353"/>
            <ac:cxnSpMk id="42" creationId="{04EC7AC7-166E-DB5E-E1F6-D27098F24E86}"/>
          </ac:cxnSpMkLst>
        </pc:cxnChg>
        <pc:cxnChg chg="add mod">
          <ac:chgData name="Scott-Picton, Georgina" userId="ef0a8b2a-fa4d-440f-83f5-cc291b573013" providerId="ADAL" clId="{C9C67190-851D-4542-9ADD-DBF493994278}" dt="2023-03-30T18:35:08.780" v="1401" actId="164"/>
          <ac:cxnSpMkLst>
            <pc:docMk/>
            <pc:sldMk cId="1879909833" sldId="353"/>
            <ac:cxnSpMk id="43" creationId="{CFBBD73A-91BB-C75B-B544-6CADF5590E9E}"/>
          </ac:cxnSpMkLst>
        </pc:cxnChg>
        <pc:cxnChg chg="add mod">
          <ac:chgData name="Scott-Picton, Georgina" userId="ef0a8b2a-fa4d-440f-83f5-cc291b573013" providerId="ADAL" clId="{C9C67190-851D-4542-9ADD-DBF493994278}" dt="2023-03-30T18:24:21.628" v="1300" actId="1038"/>
          <ac:cxnSpMkLst>
            <pc:docMk/>
            <pc:sldMk cId="1879909833" sldId="353"/>
            <ac:cxnSpMk id="44" creationId="{C9626071-01C5-32E0-335E-603E6BEE5E9D}"/>
          </ac:cxnSpMkLst>
        </pc:cxnChg>
      </pc:sldChg>
      <pc:sldChg chg="addSp delSp modSp mod modAnim">
        <pc:chgData name="Scott-Picton, Georgina" userId="ef0a8b2a-fa4d-440f-83f5-cc291b573013" providerId="ADAL" clId="{C9C67190-851D-4542-9ADD-DBF493994278}" dt="2023-03-30T19:42:56.692" v="3159"/>
        <pc:sldMkLst>
          <pc:docMk/>
          <pc:sldMk cId="3380556942" sldId="356"/>
        </pc:sldMkLst>
        <pc:spChg chg="mod topLvl">
          <ac:chgData name="Scott-Picton, Georgina" userId="ef0a8b2a-fa4d-440f-83f5-cc291b573013" providerId="ADAL" clId="{C9C67190-851D-4542-9ADD-DBF493994278}" dt="2023-03-30T18:32:26.280" v="1360" actId="1076"/>
          <ac:spMkLst>
            <pc:docMk/>
            <pc:sldMk cId="3380556942" sldId="356"/>
            <ac:spMk id="4" creationId="{B0A8A56D-EE4B-93B9-0E70-B10E57CE094D}"/>
          </ac:spMkLst>
        </pc:spChg>
        <pc:spChg chg="mod">
          <ac:chgData name="Scott-Picton, Georgina" userId="ef0a8b2a-fa4d-440f-83f5-cc291b573013" providerId="ADAL" clId="{C9C67190-851D-4542-9ADD-DBF493994278}" dt="2023-03-30T19:28:53.856" v="2941" actId="164"/>
          <ac:spMkLst>
            <pc:docMk/>
            <pc:sldMk cId="3380556942" sldId="356"/>
            <ac:spMk id="48" creationId="{8E6DDE0B-BE38-4748-B644-1338304F6DFF}"/>
          </ac:spMkLst>
        </pc:spChg>
        <pc:spChg chg="mod">
          <ac:chgData name="Scott-Picton, Georgina" userId="ef0a8b2a-fa4d-440f-83f5-cc291b573013" providerId="ADAL" clId="{C9C67190-851D-4542-9ADD-DBF493994278}" dt="2023-03-30T19:28:53.856" v="2941" actId="164"/>
          <ac:spMkLst>
            <pc:docMk/>
            <pc:sldMk cId="3380556942" sldId="356"/>
            <ac:spMk id="52" creationId="{8B577BB4-F641-4C76-A674-3BE0784FF6E7}"/>
          </ac:spMkLst>
        </pc:spChg>
        <pc:spChg chg="mod">
          <ac:chgData name="Scott-Picton, Georgina" userId="ef0a8b2a-fa4d-440f-83f5-cc291b573013" providerId="ADAL" clId="{C9C67190-851D-4542-9ADD-DBF493994278}" dt="2023-03-30T19:28:53.856" v="2941" actId="164"/>
          <ac:spMkLst>
            <pc:docMk/>
            <pc:sldMk cId="3380556942" sldId="356"/>
            <ac:spMk id="61" creationId="{F6746AD4-3D3E-47FE-8B7B-FD56F1FCEDFD}"/>
          </ac:spMkLst>
        </pc:spChg>
        <pc:spChg chg="mod">
          <ac:chgData name="Scott-Picton, Georgina" userId="ef0a8b2a-fa4d-440f-83f5-cc291b573013" providerId="ADAL" clId="{C9C67190-851D-4542-9ADD-DBF493994278}" dt="2023-03-30T19:28:53.856" v="2941" actId="164"/>
          <ac:spMkLst>
            <pc:docMk/>
            <pc:sldMk cId="3380556942" sldId="356"/>
            <ac:spMk id="67" creationId="{91FD1582-B3DC-4CF8-9350-24DE3EBAD095}"/>
          </ac:spMkLst>
        </pc:spChg>
        <pc:spChg chg="mod">
          <ac:chgData name="Scott-Picton, Georgina" userId="ef0a8b2a-fa4d-440f-83f5-cc291b573013" providerId="ADAL" clId="{C9C67190-851D-4542-9ADD-DBF493994278}" dt="2023-03-30T19:28:53.856" v="2941" actId="164"/>
          <ac:spMkLst>
            <pc:docMk/>
            <pc:sldMk cId="3380556942" sldId="356"/>
            <ac:spMk id="79" creationId="{87A0CC73-B988-4D50-A5EF-36F2C9FF008E}"/>
          </ac:spMkLst>
        </pc:spChg>
        <pc:spChg chg="mod">
          <ac:chgData name="Scott-Picton, Georgina" userId="ef0a8b2a-fa4d-440f-83f5-cc291b573013" providerId="ADAL" clId="{C9C67190-851D-4542-9ADD-DBF493994278}" dt="2023-03-30T19:28:53.856" v="2941" actId="164"/>
          <ac:spMkLst>
            <pc:docMk/>
            <pc:sldMk cId="3380556942" sldId="356"/>
            <ac:spMk id="80" creationId="{D8BE754B-F0B5-4FB9-AA4F-DE17F654327C}"/>
          </ac:spMkLst>
        </pc:spChg>
        <pc:spChg chg="mod">
          <ac:chgData name="Scott-Picton, Georgina" userId="ef0a8b2a-fa4d-440f-83f5-cc291b573013" providerId="ADAL" clId="{C9C67190-851D-4542-9ADD-DBF493994278}" dt="2023-03-30T19:28:53.856" v="2941" actId="164"/>
          <ac:spMkLst>
            <pc:docMk/>
            <pc:sldMk cId="3380556942" sldId="356"/>
            <ac:spMk id="105" creationId="{B7ADD85E-A7AE-49D1-AD90-E278B9A2BD73}"/>
          </ac:spMkLst>
        </pc:spChg>
        <pc:spChg chg="mod">
          <ac:chgData name="Scott-Picton, Georgina" userId="ef0a8b2a-fa4d-440f-83f5-cc291b573013" providerId="ADAL" clId="{C9C67190-851D-4542-9ADD-DBF493994278}" dt="2023-03-30T19:28:53.856" v="2941" actId="164"/>
          <ac:spMkLst>
            <pc:docMk/>
            <pc:sldMk cId="3380556942" sldId="356"/>
            <ac:spMk id="106" creationId="{6A80977D-D92A-48FC-A3A7-55FFF7A69901}"/>
          </ac:spMkLst>
        </pc:spChg>
        <pc:spChg chg="mod">
          <ac:chgData name="Scott-Picton, Georgina" userId="ef0a8b2a-fa4d-440f-83f5-cc291b573013" providerId="ADAL" clId="{C9C67190-851D-4542-9ADD-DBF493994278}" dt="2023-03-30T19:28:53.856" v="2941" actId="164"/>
          <ac:spMkLst>
            <pc:docMk/>
            <pc:sldMk cId="3380556942" sldId="356"/>
            <ac:spMk id="107" creationId="{69412A77-F0B6-4DE2-AB49-AEBFA03C7FA2}"/>
          </ac:spMkLst>
        </pc:spChg>
        <pc:spChg chg="mod">
          <ac:chgData name="Scott-Picton, Georgina" userId="ef0a8b2a-fa4d-440f-83f5-cc291b573013" providerId="ADAL" clId="{C9C67190-851D-4542-9ADD-DBF493994278}" dt="2023-03-30T19:28:53.856" v="2941" actId="164"/>
          <ac:spMkLst>
            <pc:docMk/>
            <pc:sldMk cId="3380556942" sldId="356"/>
            <ac:spMk id="124" creationId="{03533E1F-7B51-440C-B892-C60FCE96DFB9}"/>
          </ac:spMkLst>
        </pc:spChg>
        <pc:spChg chg="mod">
          <ac:chgData name="Scott-Picton, Georgina" userId="ef0a8b2a-fa4d-440f-83f5-cc291b573013" providerId="ADAL" clId="{C9C67190-851D-4542-9ADD-DBF493994278}" dt="2023-03-30T19:28:53.856" v="2941" actId="164"/>
          <ac:spMkLst>
            <pc:docMk/>
            <pc:sldMk cId="3380556942" sldId="356"/>
            <ac:spMk id="125" creationId="{32D218CF-56DD-4956-9770-96DF135C78B8}"/>
          </ac:spMkLst>
        </pc:spChg>
        <pc:spChg chg="mod">
          <ac:chgData name="Scott-Picton, Georgina" userId="ef0a8b2a-fa4d-440f-83f5-cc291b573013" providerId="ADAL" clId="{C9C67190-851D-4542-9ADD-DBF493994278}" dt="2023-03-30T19:28:53.856" v="2941" actId="164"/>
          <ac:spMkLst>
            <pc:docMk/>
            <pc:sldMk cId="3380556942" sldId="356"/>
            <ac:spMk id="131" creationId="{4B0D0321-5E6D-448F-9F78-74AA0BCEA588}"/>
          </ac:spMkLst>
        </pc:spChg>
        <pc:spChg chg="mod">
          <ac:chgData name="Scott-Picton, Georgina" userId="ef0a8b2a-fa4d-440f-83f5-cc291b573013" providerId="ADAL" clId="{C9C67190-851D-4542-9ADD-DBF493994278}" dt="2023-03-30T19:28:53.856" v="2941" actId="164"/>
          <ac:spMkLst>
            <pc:docMk/>
            <pc:sldMk cId="3380556942" sldId="356"/>
            <ac:spMk id="132" creationId="{FA0C1F4D-8B3B-47E6-8740-35185E623B5C}"/>
          </ac:spMkLst>
        </pc:spChg>
        <pc:spChg chg="mod">
          <ac:chgData name="Scott-Picton, Georgina" userId="ef0a8b2a-fa4d-440f-83f5-cc291b573013" providerId="ADAL" clId="{C9C67190-851D-4542-9ADD-DBF493994278}" dt="2023-03-30T19:28:53.856" v="2941" actId="164"/>
          <ac:spMkLst>
            <pc:docMk/>
            <pc:sldMk cId="3380556942" sldId="356"/>
            <ac:spMk id="133" creationId="{78944AD8-A34E-4F9A-AB0C-8612314ABD5A}"/>
          </ac:spMkLst>
        </pc:spChg>
        <pc:spChg chg="mod">
          <ac:chgData name="Scott-Picton, Georgina" userId="ef0a8b2a-fa4d-440f-83f5-cc291b573013" providerId="ADAL" clId="{C9C67190-851D-4542-9ADD-DBF493994278}" dt="2023-03-30T19:28:53.856" v="2941" actId="164"/>
          <ac:spMkLst>
            <pc:docMk/>
            <pc:sldMk cId="3380556942" sldId="356"/>
            <ac:spMk id="134" creationId="{BAB26C74-CF49-421F-9660-683169EEB016}"/>
          </ac:spMkLst>
        </pc:spChg>
        <pc:spChg chg="mod">
          <ac:chgData name="Scott-Picton, Georgina" userId="ef0a8b2a-fa4d-440f-83f5-cc291b573013" providerId="ADAL" clId="{C9C67190-851D-4542-9ADD-DBF493994278}" dt="2023-03-30T19:28:53.856" v="2941" actId="164"/>
          <ac:spMkLst>
            <pc:docMk/>
            <pc:sldMk cId="3380556942" sldId="356"/>
            <ac:spMk id="135" creationId="{E6BC2997-1F7C-418C-A8E0-58FF53625E4C}"/>
          </ac:spMkLst>
        </pc:spChg>
        <pc:spChg chg="mod">
          <ac:chgData name="Scott-Picton, Georgina" userId="ef0a8b2a-fa4d-440f-83f5-cc291b573013" providerId="ADAL" clId="{C9C67190-851D-4542-9ADD-DBF493994278}" dt="2023-03-30T19:28:53.856" v="2941" actId="164"/>
          <ac:spMkLst>
            <pc:docMk/>
            <pc:sldMk cId="3380556942" sldId="356"/>
            <ac:spMk id="136" creationId="{6ECD366B-3A48-47B7-95FE-B87A79196F12}"/>
          </ac:spMkLst>
        </pc:spChg>
        <pc:spChg chg="mod">
          <ac:chgData name="Scott-Picton, Georgina" userId="ef0a8b2a-fa4d-440f-83f5-cc291b573013" providerId="ADAL" clId="{C9C67190-851D-4542-9ADD-DBF493994278}" dt="2023-03-30T19:28:53.856" v="2941" actId="164"/>
          <ac:spMkLst>
            <pc:docMk/>
            <pc:sldMk cId="3380556942" sldId="356"/>
            <ac:spMk id="137" creationId="{4647BAEB-340A-47CB-9877-34F25471F4A0}"/>
          </ac:spMkLst>
        </pc:spChg>
        <pc:spChg chg="mod">
          <ac:chgData name="Scott-Picton, Georgina" userId="ef0a8b2a-fa4d-440f-83f5-cc291b573013" providerId="ADAL" clId="{C9C67190-851D-4542-9ADD-DBF493994278}" dt="2023-03-30T19:28:53.856" v="2941" actId="164"/>
          <ac:spMkLst>
            <pc:docMk/>
            <pc:sldMk cId="3380556942" sldId="356"/>
            <ac:spMk id="138" creationId="{D5C18623-C780-47E4-A0AE-3DC739B712C0}"/>
          </ac:spMkLst>
        </pc:spChg>
        <pc:spChg chg="mod">
          <ac:chgData name="Scott-Picton, Georgina" userId="ef0a8b2a-fa4d-440f-83f5-cc291b573013" providerId="ADAL" clId="{C9C67190-851D-4542-9ADD-DBF493994278}" dt="2023-03-30T19:28:53.856" v="2941" actId="164"/>
          <ac:spMkLst>
            <pc:docMk/>
            <pc:sldMk cId="3380556942" sldId="356"/>
            <ac:spMk id="141" creationId="{CF9E9812-B4C5-411E-9C3F-4BA78E9A84DE}"/>
          </ac:spMkLst>
        </pc:spChg>
        <pc:spChg chg="mod">
          <ac:chgData name="Scott-Picton, Georgina" userId="ef0a8b2a-fa4d-440f-83f5-cc291b573013" providerId="ADAL" clId="{C9C67190-851D-4542-9ADD-DBF493994278}" dt="2023-03-30T19:28:53.856" v="2941" actId="164"/>
          <ac:spMkLst>
            <pc:docMk/>
            <pc:sldMk cId="3380556942" sldId="356"/>
            <ac:spMk id="142" creationId="{89B81EDE-38ED-4622-B676-4CC34784D069}"/>
          </ac:spMkLst>
        </pc:spChg>
        <pc:spChg chg="mod">
          <ac:chgData name="Scott-Picton, Georgina" userId="ef0a8b2a-fa4d-440f-83f5-cc291b573013" providerId="ADAL" clId="{C9C67190-851D-4542-9ADD-DBF493994278}" dt="2023-03-30T19:28:53.856" v="2941" actId="164"/>
          <ac:spMkLst>
            <pc:docMk/>
            <pc:sldMk cId="3380556942" sldId="356"/>
            <ac:spMk id="143" creationId="{14AB1307-6464-41AA-950B-6ED10B4916B5}"/>
          </ac:spMkLst>
        </pc:spChg>
        <pc:spChg chg="mod">
          <ac:chgData name="Scott-Picton, Georgina" userId="ef0a8b2a-fa4d-440f-83f5-cc291b573013" providerId="ADAL" clId="{C9C67190-851D-4542-9ADD-DBF493994278}" dt="2023-03-30T19:28:53.856" v="2941" actId="164"/>
          <ac:spMkLst>
            <pc:docMk/>
            <pc:sldMk cId="3380556942" sldId="356"/>
            <ac:spMk id="144" creationId="{3EF202B3-9C2E-4E7E-9689-454DB5AE440D}"/>
          </ac:spMkLst>
        </pc:spChg>
        <pc:spChg chg="mod">
          <ac:chgData name="Scott-Picton, Georgina" userId="ef0a8b2a-fa4d-440f-83f5-cc291b573013" providerId="ADAL" clId="{C9C67190-851D-4542-9ADD-DBF493994278}" dt="2023-03-30T19:28:53.856" v="2941" actId="164"/>
          <ac:spMkLst>
            <pc:docMk/>
            <pc:sldMk cId="3380556942" sldId="356"/>
            <ac:spMk id="145" creationId="{E55D3A11-DF07-4138-8655-83F9F1A2C340}"/>
          </ac:spMkLst>
        </pc:spChg>
        <pc:spChg chg="mod">
          <ac:chgData name="Scott-Picton, Georgina" userId="ef0a8b2a-fa4d-440f-83f5-cc291b573013" providerId="ADAL" clId="{C9C67190-851D-4542-9ADD-DBF493994278}" dt="2023-03-30T19:28:53.856" v="2941" actId="164"/>
          <ac:spMkLst>
            <pc:docMk/>
            <pc:sldMk cId="3380556942" sldId="356"/>
            <ac:spMk id="146" creationId="{0DCC7BC1-2B97-4486-B575-53588182CDE3}"/>
          </ac:spMkLst>
        </pc:spChg>
        <pc:spChg chg="mod">
          <ac:chgData name="Scott-Picton, Georgina" userId="ef0a8b2a-fa4d-440f-83f5-cc291b573013" providerId="ADAL" clId="{C9C67190-851D-4542-9ADD-DBF493994278}" dt="2023-03-30T19:28:53.856" v="2941" actId="164"/>
          <ac:spMkLst>
            <pc:docMk/>
            <pc:sldMk cId="3380556942" sldId="356"/>
            <ac:spMk id="147" creationId="{26C832E4-9E66-4BF7-89C8-98B3460136FC}"/>
          </ac:spMkLst>
        </pc:spChg>
        <pc:grpChg chg="add del mod">
          <ac:chgData name="Scott-Picton, Georgina" userId="ef0a8b2a-fa4d-440f-83f5-cc291b573013" providerId="ADAL" clId="{C9C67190-851D-4542-9ADD-DBF493994278}" dt="2023-03-30T18:32:17.042" v="1358" actId="478"/>
          <ac:grpSpMkLst>
            <pc:docMk/>
            <pc:sldMk cId="3380556942" sldId="356"/>
            <ac:grpSpMk id="2" creationId="{246E583C-8674-66C0-7B0E-B91A7B5D2627}"/>
          </ac:grpSpMkLst>
        </pc:grpChg>
        <pc:grpChg chg="add mod">
          <ac:chgData name="Scott-Picton, Georgina" userId="ef0a8b2a-fa4d-440f-83f5-cc291b573013" providerId="ADAL" clId="{C9C67190-851D-4542-9ADD-DBF493994278}" dt="2023-03-30T19:29:10.026" v="2944" actId="1076"/>
          <ac:grpSpMkLst>
            <pc:docMk/>
            <pc:sldMk cId="3380556942" sldId="356"/>
            <ac:grpSpMk id="5" creationId="{16D2A509-BE63-24F5-A6EE-24505A8B9103}"/>
          </ac:grpSpMkLst>
        </pc:grpChg>
        <pc:grpChg chg="mod ord">
          <ac:chgData name="Scott-Picton, Georgina" userId="ef0a8b2a-fa4d-440f-83f5-cc291b573013" providerId="ADAL" clId="{C9C67190-851D-4542-9ADD-DBF493994278}" dt="2023-03-30T19:29:18.200" v="2945" actId="166"/>
          <ac:grpSpMkLst>
            <pc:docMk/>
            <pc:sldMk cId="3380556942" sldId="356"/>
            <ac:grpSpMk id="56" creationId="{E42DAF32-C479-4CD7-BFCD-EF70F0AC9D01}"/>
          </ac:grpSpMkLst>
        </pc:grpChg>
        <pc:grpChg chg="mod ord">
          <ac:chgData name="Scott-Picton, Georgina" userId="ef0a8b2a-fa4d-440f-83f5-cc291b573013" providerId="ADAL" clId="{C9C67190-851D-4542-9ADD-DBF493994278}" dt="2023-03-30T19:29:22.451" v="2946" actId="166"/>
          <ac:grpSpMkLst>
            <pc:docMk/>
            <pc:sldMk cId="3380556942" sldId="356"/>
            <ac:grpSpMk id="63" creationId="{6F1269C4-FEF4-4D87-B966-22AA2347CDCC}"/>
          </ac:grpSpMkLst>
        </pc:grpChg>
        <pc:picChg chg="del mod topLvl">
          <ac:chgData name="Scott-Picton, Georgina" userId="ef0a8b2a-fa4d-440f-83f5-cc291b573013" providerId="ADAL" clId="{C9C67190-851D-4542-9ADD-DBF493994278}" dt="2023-03-30T18:32:17.042" v="1358" actId="478"/>
          <ac:picMkLst>
            <pc:docMk/>
            <pc:sldMk cId="3380556942" sldId="356"/>
            <ac:picMk id="3" creationId="{F542A24E-9037-DFBD-868F-3D3782BBF66F}"/>
          </ac:picMkLst>
        </pc:picChg>
        <pc:picChg chg="del mod modCrop">
          <ac:chgData name="Scott-Picton, Georgina" userId="ef0a8b2a-fa4d-440f-83f5-cc291b573013" providerId="ADAL" clId="{C9C67190-851D-4542-9ADD-DBF493994278}" dt="2023-03-30T18:30:29.427" v="1339" actId="478"/>
          <ac:picMkLst>
            <pc:docMk/>
            <pc:sldMk cId="3380556942" sldId="356"/>
            <ac:picMk id="47" creationId="{C9990CF3-C722-439B-B7FF-3195C785BF4B}"/>
          </ac:picMkLst>
        </pc:picChg>
        <pc:picChg chg="mod">
          <ac:chgData name="Scott-Picton, Georgina" userId="ef0a8b2a-fa4d-440f-83f5-cc291b573013" providerId="ADAL" clId="{C9C67190-851D-4542-9ADD-DBF493994278}" dt="2023-03-30T19:30:29.552" v="2951" actId="1076"/>
          <ac:picMkLst>
            <pc:docMk/>
            <pc:sldMk cId="3380556942" sldId="356"/>
            <ac:picMk id="49" creationId="{2F94D8F7-7DC2-429F-998E-DA71DC488CED}"/>
          </ac:picMkLst>
        </pc:picChg>
        <pc:picChg chg="add del mod">
          <ac:chgData name="Scott-Picton, Georgina" userId="ef0a8b2a-fa4d-440f-83f5-cc291b573013" providerId="ADAL" clId="{C9C67190-851D-4542-9ADD-DBF493994278}" dt="2023-03-30T18:30:49.367" v="1345" actId="478"/>
          <ac:picMkLst>
            <pc:docMk/>
            <pc:sldMk cId="3380556942" sldId="356"/>
            <ac:picMk id="1026" creationId="{CAB99777-F58C-1932-52E8-1291425EE3B6}"/>
          </ac:picMkLst>
        </pc:picChg>
        <pc:picChg chg="add del mod">
          <ac:chgData name="Scott-Picton, Georgina" userId="ef0a8b2a-fa4d-440f-83f5-cc291b573013" providerId="ADAL" clId="{C9C67190-851D-4542-9ADD-DBF493994278}" dt="2023-03-30T19:30:08.193" v="2947" actId="478"/>
          <ac:picMkLst>
            <pc:docMk/>
            <pc:sldMk cId="3380556942" sldId="356"/>
            <ac:picMk id="1028" creationId="{8E356B05-4A96-3A00-D09B-982F5B01512F}"/>
          </ac:picMkLst>
        </pc:picChg>
        <pc:picChg chg="add del mod">
          <ac:chgData name="Scott-Picton, Georgina" userId="ef0a8b2a-fa4d-440f-83f5-cc291b573013" providerId="ADAL" clId="{C9C67190-851D-4542-9ADD-DBF493994278}" dt="2023-03-30T19:30:09.566" v="2948" actId="478"/>
          <ac:picMkLst>
            <pc:docMk/>
            <pc:sldMk cId="3380556942" sldId="356"/>
            <ac:picMk id="1030" creationId="{2CCCE92C-AB45-262C-40DB-D37401DEC265}"/>
          </ac:picMkLst>
        </pc:picChg>
      </pc:sldChg>
      <pc:sldChg chg="addSp delSp modSp mod modAnim">
        <pc:chgData name="Scott-Picton, Georgina" userId="ef0a8b2a-fa4d-440f-83f5-cc291b573013" providerId="ADAL" clId="{C9C67190-851D-4542-9ADD-DBF493994278}" dt="2023-03-30T19:42:43.775" v="3155"/>
        <pc:sldMkLst>
          <pc:docMk/>
          <pc:sldMk cId="351952839" sldId="362"/>
        </pc:sldMkLst>
        <pc:spChg chg="mod">
          <ac:chgData name="Scott-Picton, Georgina" userId="ef0a8b2a-fa4d-440f-83f5-cc291b573013" providerId="ADAL" clId="{C9C67190-851D-4542-9ADD-DBF493994278}" dt="2023-03-30T19:31:14.795" v="2980" actId="20577"/>
          <ac:spMkLst>
            <pc:docMk/>
            <pc:sldMk cId="351952839" sldId="362"/>
            <ac:spMk id="66" creationId="{2574ED9A-AD4C-4453-9E6B-9E797B030B2F}"/>
          </ac:spMkLst>
        </pc:spChg>
        <pc:picChg chg="add mod">
          <ac:chgData name="Scott-Picton, Georgina" userId="ef0a8b2a-fa4d-440f-83f5-cc291b573013" providerId="ADAL" clId="{C9C67190-851D-4542-9ADD-DBF493994278}" dt="2023-03-30T18:34:37.399" v="1399" actId="1076"/>
          <ac:picMkLst>
            <pc:docMk/>
            <pc:sldMk cId="351952839" sldId="362"/>
            <ac:picMk id="2" creationId="{578BD381-8BC4-3F4F-F64F-123036FBBCC6}"/>
          </ac:picMkLst>
        </pc:picChg>
        <pc:picChg chg="del">
          <ac:chgData name="Scott-Picton, Georgina" userId="ef0a8b2a-fa4d-440f-83f5-cc291b573013" providerId="ADAL" clId="{C9C67190-851D-4542-9ADD-DBF493994278}" dt="2023-03-30T18:34:28.536" v="1395" actId="478"/>
          <ac:picMkLst>
            <pc:docMk/>
            <pc:sldMk cId="351952839" sldId="362"/>
            <ac:picMk id="80" creationId="{A7410093-A161-B687-272E-2D402364596E}"/>
          </ac:picMkLst>
        </pc:picChg>
      </pc:sldChg>
      <pc:sldChg chg="modAnim">
        <pc:chgData name="Scott-Picton, Georgina" userId="ef0a8b2a-fa4d-440f-83f5-cc291b573013" providerId="ADAL" clId="{C9C67190-851D-4542-9ADD-DBF493994278}" dt="2023-03-30T19:43:45.842" v="3171"/>
        <pc:sldMkLst>
          <pc:docMk/>
          <pc:sldMk cId="3774413655" sldId="364"/>
        </pc:sldMkLst>
      </pc:sldChg>
      <pc:sldChg chg="addSp delSp modSp mod modAnim">
        <pc:chgData name="Scott-Picton, Georgina" userId="ef0a8b2a-fa4d-440f-83f5-cc291b573013" providerId="ADAL" clId="{C9C67190-851D-4542-9ADD-DBF493994278}" dt="2023-03-30T19:43:22.464" v="3161"/>
        <pc:sldMkLst>
          <pc:docMk/>
          <pc:sldMk cId="1764111681" sldId="368"/>
        </pc:sldMkLst>
        <pc:spChg chg="mod">
          <ac:chgData name="Scott-Picton, Georgina" userId="ef0a8b2a-fa4d-440f-83f5-cc291b573013" providerId="ADAL" clId="{C9C67190-851D-4542-9ADD-DBF493994278}" dt="2023-03-30T19:14:10.682" v="2803" actId="14100"/>
          <ac:spMkLst>
            <pc:docMk/>
            <pc:sldMk cId="1764111681" sldId="368"/>
            <ac:spMk id="48" creationId="{1DCD793D-CC31-494A-9FE0-6871B1A6C260}"/>
          </ac:spMkLst>
        </pc:spChg>
        <pc:grpChg chg="mod ord">
          <ac:chgData name="Scott-Picton, Georgina" userId="ef0a8b2a-fa4d-440f-83f5-cc291b573013" providerId="ADAL" clId="{C9C67190-851D-4542-9ADD-DBF493994278}" dt="2023-03-30T19:23:18.329" v="2886" actId="1076"/>
          <ac:grpSpMkLst>
            <pc:docMk/>
            <pc:sldMk cId="1764111681" sldId="368"/>
            <ac:grpSpMk id="69" creationId="{9D3633C1-8EC2-B488-F1CA-89E73FEAD524}"/>
          </ac:grpSpMkLst>
        </pc:grpChg>
        <pc:picChg chg="add mod">
          <ac:chgData name="Scott-Picton, Georgina" userId="ef0a8b2a-fa4d-440f-83f5-cc291b573013" providerId="ADAL" clId="{C9C67190-851D-4542-9ADD-DBF493994278}" dt="2023-03-30T19:28:36.679" v="2939" actId="1036"/>
          <ac:picMkLst>
            <pc:docMk/>
            <pc:sldMk cId="1764111681" sldId="368"/>
            <ac:picMk id="2" creationId="{5A6B4115-2C6C-055D-843B-E64F10437481}"/>
          </ac:picMkLst>
        </pc:picChg>
        <pc:picChg chg="add mod">
          <ac:chgData name="Scott-Picton, Georgina" userId="ef0a8b2a-fa4d-440f-83f5-cc291b573013" providerId="ADAL" clId="{C9C67190-851D-4542-9ADD-DBF493994278}" dt="2023-03-30T19:28:36.679" v="2939" actId="1036"/>
          <ac:picMkLst>
            <pc:docMk/>
            <pc:sldMk cId="1764111681" sldId="368"/>
            <ac:picMk id="3" creationId="{BE2C70B7-4FFE-E7B9-DFA6-5A8242C32ED4}"/>
          </ac:picMkLst>
        </pc:picChg>
        <pc:picChg chg="add del mod">
          <ac:chgData name="Scott-Picton, Georgina" userId="ef0a8b2a-fa4d-440f-83f5-cc291b573013" providerId="ADAL" clId="{C9C67190-851D-4542-9ADD-DBF493994278}" dt="2023-03-30T19:21:04.178" v="2871" actId="478"/>
          <ac:picMkLst>
            <pc:docMk/>
            <pc:sldMk cId="1764111681" sldId="368"/>
            <ac:picMk id="4" creationId="{5FCA8962-036E-8532-AD64-9F2B12AF4257}"/>
          </ac:picMkLst>
        </pc:picChg>
        <pc:picChg chg="del">
          <ac:chgData name="Scott-Picton, Georgina" userId="ef0a8b2a-fa4d-440f-83f5-cc291b573013" providerId="ADAL" clId="{C9C67190-851D-4542-9ADD-DBF493994278}" dt="2023-03-30T19:14:24.510" v="2804" actId="478"/>
          <ac:picMkLst>
            <pc:docMk/>
            <pc:sldMk cId="1764111681" sldId="368"/>
            <ac:picMk id="61" creationId="{EEAE3299-7916-D996-07A9-EC20EF2296B0}"/>
          </ac:picMkLst>
        </pc:picChg>
        <pc:picChg chg="del">
          <ac:chgData name="Scott-Picton, Georgina" userId="ef0a8b2a-fa4d-440f-83f5-cc291b573013" providerId="ADAL" clId="{C9C67190-851D-4542-9ADD-DBF493994278}" dt="2023-03-30T19:15:07.182" v="2814" actId="478"/>
          <ac:picMkLst>
            <pc:docMk/>
            <pc:sldMk cId="1764111681" sldId="368"/>
            <ac:picMk id="62" creationId="{D2356A37-4527-444B-F7EB-3CEB84F00354}"/>
          </ac:picMkLst>
        </pc:picChg>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4">
  <dgm:title val=""/>
  <dgm:desc val=""/>
  <dgm:catLst>
    <dgm:cat type="accent1" pri="11400"/>
  </dgm:catLst>
  <dgm:styleLbl name="node0">
    <dgm:fillClrLst meth="cycle">
      <a:schemeClr val="accent1">
        <a:shade val="60000"/>
      </a:schemeClr>
    </dgm:fillClrLst>
    <dgm:linClrLst meth="repeat">
      <a:schemeClr val="lt1"/>
    </dgm:linClrLst>
    <dgm:effectClrLst/>
    <dgm:txLinClrLst/>
    <dgm:txFillClrLst/>
    <dgm:txEffectClrLst/>
  </dgm:styleLbl>
  <dgm:styleLbl name="node1">
    <dgm:fillClrLst meth="cycle">
      <a:schemeClr val="accent1">
        <a:shade val="50000"/>
      </a:schemeClr>
      <a:schemeClr val="accent1">
        <a:tint val="55000"/>
      </a:schemeClr>
    </dgm:fillClrLst>
    <dgm:linClrLst meth="repeat">
      <a:schemeClr val="lt1"/>
    </dgm:linClrLst>
    <dgm:effectClrLst/>
    <dgm:txLinClrLst/>
    <dgm:txFillClrLst/>
    <dgm:txEffectClrLst/>
  </dgm:styleLbl>
  <dgm:styleLbl name="alignNode1">
    <dgm:fillClrLst meth="cycle">
      <a:schemeClr val="accent1">
        <a:shade val="50000"/>
      </a:schemeClr>
      <a:schemeClr val="accent1">
        <a:tint val="55000"/>
      </a:schemeClr>
    </dgm:fillClrLst>
    <dgm:linClrLst meth="cycle">
      <a:schemeClr val="accent1">
        <a:shade val="50000"/>
      </a:schemeClr>
      <a:schemeClr val="accent1">
        <a:tint val="55000"/>
      </a:schemeClr>
    </dgm:linClrLst>
    <dgm:effectClrLst/>
    <dgm:txLinClrLst/>
    <dgm:txFillClrLst/>
    <dgm:txEffectClrLst/>
  </dgm:styleLbl>
  <dgm:styleLbl name="lnNode1">
    <dgm:fillClrLst meth="cycle">
      <a:schemeClr val="accent1">
        <a:shade val="50000"/>
      </a:schemeClr>
      <a:schemeClr val="accent1">
        <a:tint val="55000"/>
      </a:schemeClr>
    </dgm:fillClrLst>
    <dgm:linClrLst meth="repeat">
      <a:schemeClr val="lt1"/>
    </dgm:linClrLst>
    <dgm:effectClrLst/>
    <dgm:txLinClrLst/>
    <dgm:txFillClrLst/>
    <dgm:txEffectClrLst/>
  </dgm:styleLbl>
  <dgm:styleLbl name="vennNode1">
    <dgm:fillClrLst meth="cycle">
      <a:schemeClr val="accent1">
        <a:shade val="80000"/>
        <a:alpha val="50000"/>
      </a:schemeClr>
      <a:schemeClr val="accent1">
        <a:tint val="50000"/>
        <a:alpha val="50000"/>
      </a:schemeClr>
    </dgm:fillClrLst>
    <dgm:linClrLst meth="repeat">
      <a:schemeClr val="lt1"/>
    </dgm:linClrLst>
    <dgm:effectClrLst/>
    <dgm:txLinClrLst/>
    <dgm:txFillClrLst/>
    <dgm:txEffectClrLst/>
  </dgm:styleLbl>
  <dgm:styleLbl name="node2">
    <dgm:fillClrLst>
      <a:schemeClr val="accent1">
        <a:shade val="80000"/>
      </a:schemeClr>
    </dgm:fillClrLst>
    <dgm:linClrLst meth="repeat">
      <a:schemeClr val="lt1"/>
    </dgm:linClrLst>
    <dgm:effectClrLst/>
    <dgm:txLinClrLst/>
    <dgm:txFillClrLst/>
    <dgm:txEffectClrLst/>
  </dgm:styleLbl>
  <dgm:styleLbl name="node3">
    <dgm:fillClrLst>
      <a:schemeClr val="accent1">
        <a:tint val="99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fg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bg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sibTrans1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0000"/>
      </a:schemeClr>
    </dgm:fillClrLst>
    <dgm:linClrLst meth="repeat">
      <a:schemeClr val="lt1"/>
    </dgm:linClrLst>
    <dgm:effectClrLst/>
    <dgm:txLinClrLst/>
    <dgm:txFillClrLst/>
    <dgm:txEffectClrLst/>
  </dgm:styleLbl>
  <dgm:styleLbl name="asst3">
    <dgm:fillClrLst>
      <a:schemeClr val="accent1">
        <a:tint val="70000"/>
      </a:schemeClr>
    </dgm:fillClrLst>
    <dgm:linClrLst meth="repeat">
      <a:schemeClr val="lt1"/>
    </dgm:linClrLst>
    <dgm:effectClrLst/>
    <dgm:txLinClrLst/>
    <dgm:txFillClrLst/>
    <dgm:txEffectClrLst/>
  </dgm:styleLbl>
  <dgm:styleLbl name="asst4">
    <dgm:fillClrLst>
      <a:schemeClr val="accent1">
        <a:tint val="5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conF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align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trAlignAcc1">
    <dgm:fillClrLst meth="repeat">
      <a:schemeClr val="lt1">
        <a:alpha val="55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solidFgAcc1">
    <dgm:fillClrLst meth="repeat">
      <a:schemeClr val="lt1"/>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55000"/>
      </a:schemeClr>
    </dgm:fillClrLst>
    <dgm:linClrLst meth="repeat">
      <a:schemeClr val="accent1">
        <a:alpha val="90000"/>
        <a:tint val="55000"/>
      </a:schemeClr>
    </dgm:linClrLst>
    <dgm:effectClrLst/>
    <dgm:txLinClrLst/>
    <dgm:txFillClrLst meth="repeat">
      <a:schemeClr val="dk1"/>
    </dgm:txFillClrLst>
    <dgm:txEffectClrLst/>
  </dgm:styleLbl>
  <dgm:styleLbl name="alignAccFollowNode1">
    <dgm:fillClrLst meth="repeat">
      <a:schemeClr val="accent1">
        <a:alpha val="90000"/>
        <a:tint val="55000"/>
      </a:schemeClr>
    </dgm:fillClrLst>
    <dgm:linClrLst meth="repeat">
      <a:schemeClr val="accent1">
        <a:alpha val="90000"/>
        <a:tint val="55000"/>
      </a:schemeClr>
    </dgm:linClrLst>
    <dgm:effectClrLst/>
    <dgm:txLinClrLst/>
    <dgm:txFillClrLst meth="repeat">
      <a:schemeClr val="dk1"/>
    </dgm:txFillClrLst>
    <dgm:txEffectClrLst/>
  </dgm:styleLbl>
  <dgm:styleLbl name="bgAccFollowNode1">
    <dgm:fillClrLst meth="repeat">
      <a:schemeClr val="accent1">
        <a:alpha val="90000"/>
        <a:tint val="55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55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55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55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78DDF40-1FBB-49A5-B012-6490C1CF1A11}" type="doc">
      <dgm:prSet loTypeId="urn:microsoft.com/office/officeart/2008/layout/AlternatingHexagons" loCatId="list" qsTypeId="urn:microsoft.com/office/officeart/2005/8/quickstyle/simple1" qsCatId="simple" csTypeId="urn:microsoft.com/office/officeart/2005/8/colors/accent1_4" csCatId="accent1" phldr="1"/>
      <dgm:spPr/>
      <dgm:t>
        <a:bodyPr/>
        <a:lstStyle/>
        <a:p>
          <a:endParaRPr lang="en-GB"/>
        </a:p>
      </dgm:t>
    </dgm:pt>
    <dgm:pt modelId="{64E63119-25B7-4CAE-AACA-6A13516823FE}">
      <dgm:prSet phldrT="[Text]"/>
      <dgm:spPr/>
      <dgm:t>
        <a:bodyPr/>
        <a:lstStyle/>
        <a:p>
          <a:endParaRPr lang="en-GB" dirty="0"/>
        </a:p>
      </dgm:t>
    </dgm:pt>
    <dgm:pt modelId="{D71E755C-3365-4FF4-8ACE-2DA2F5012F77}" type="parTrans" cxnId="{32DC4831-4B78-4A84-BF75-9CDC4BFEB194}">
      <dgm:prSet/>
      <dgm:spPr/>
      <dgm:t>
        <a:bodyPr/>
        <a:lstStyle/>
        <a:p>
          <a:endParaRPr lang="en-GB"/>
        </a:p>
      </dgm:t>
    </dgm:pt>
    <dgm:pt modelId="{88C6C9BE-5AC2-44B7-B786-899A8A9FCF6A}" type="sibTrans" cxnId="{32DC4831-4B78-4A84-BF75-9CDC4BFEB194}">
      <dgm:prSet/>
      <dgm:spPr/>
      <dgm:t>
        <a:bodyPr/>
        <a:lstStyle/>
        <a:p>
          <a:endParaRPr lang="en-GB"/>
        </a:p>
      </dgm:t>
    </dgm:pt>
    <dgm:pt modelId="{D635A5B8-7788-471F-A7BA-1680732F4598}">
      <dgm:prSet phldrT="[Text]" custT="1"/>
      <dgm:spPr/>
      <dgm:t>
        <a:bodyPr/>
        <a:lstStyle/>
        <a:p>
          <a:endParaRPr lang="en-GB" sz="800" dirty="0"/>
        </a:p>
      </dgm:t>
    </dgm:pt>
    <dgm:pt modelId="{E9D40938-0219-4A29-AC7B-A2DA093D6778}" type="sibTrans" cxnId="{644FB183-C0A4-4083-80EA-66046C2E3ED2}">
      <dgm:prSet/>
      <dgm:spPr/>
      <dgm:t>
        <a:bodyPr/>
        <a:lstStyle/>
        <a:p>
          <a:endParaRPr lang="en-GB"/>
        </a:p>
      </dgm:t>
    </dgm:pt>
    <dgm:pt modelId="{4D227441-AECA-48C9-83CB-B9AE448EC2D4}" type="parTrans" cxnId="{644FB183-C0A4-4083-80EA-66046C2E3ED2}">
      <dgm:prSet/>
      <dgm:spPr/>
      <dgm:t>
        <a:bodyPr/>
        <a:lstStyle/>
        <a:p>
          <a:endParaRPr lang="en-GB"/>
        </a:p>
      </dgm:t>
    </dgm:pt>
    <dgm:pt modelId="{40ABC041-B339-4FA5-B5FD-D8DADC227F88}">
      <dgm:prSet phldrT="[Text]"/>
      <dgm:spPr/>
      <dgm:t>
        <a:bodyPr/>
        <a:lstStyle/>
        <a:p>
          <a:endParaRPr lang="en-GB" dirty="0"/>
        </a:p>
      </dgm:t>
    </dgm:pt>
    <dgm:pt modelId="{6A9200A3-334D-4E3D-BDF2-9C082FEC42BE}" type="sibTrans" cxnId="{21814338-DABF-4009-8F9F-26514440AE6C}">
      <dgm:prSet/>
      <dgm:spPr/>
      <dgm:t>
        <a:bodyPr/>
        <a:lstStyle/>
        <a:p>
          <a:endParaRPr lang="en-GB"/>
        </a:p>
      </dgm:t>
    </dgm:pt>
    <dgm:pt modelId="{63545723-6EE9-4C5F-92F6-298FEBEE8EC5}" type="parTrans" cxnId="{21814338-DABF-4009-8F9F-26514440AE6C}">
      <dgm:prSet/>
      <dgm:spPr/>
      <dgm:t>
        <a:bodyPr/>
        <a:lstStyle/>
        <a:p>
          <a:endParaRPr lang="en-GB"/>
        </a:p>
      </dgm:t>
    </dgm:pt>
    <dgm:pt modelId="{7755B9BD-02D3-47FD-8170-2A63BD70D516}" type="pres">
      <dgm:prSet presAssocID="{778DDF40-1FBB-49A5-B012-6490C1CF1A11}" presName="Name0" presStyleCnt="0">
        <dgm:presLayoutVars>
          <dgm:chMax/>
          <dgm:chPref/>
          <dgm:dir/>
          <dgm:animLvl val="lvl"/>
        </dgm:presLayoutVars>
      </dgm:prSet>
      <dgm:spPr/>
    </dgm:pt>
    <dgm:pt modelId="{C3BA45B0-FD49-417B-812D-90229D928FDF}" type="pres">
      <dgm:prSet presAssocID="{D635A5B8-7788-471F-A7BA-1680732F4598}" presName="composite" presStyleCnt="0"/>
      <dgm:spPr/>
    </dgm:pt>
    <dgm:pt modelId="{062D9000-FE4B-4623-B676-ACD0D51B4EC0}" type="pres">
      <dgm:prSet presAssocID="{D635A5B8-7788-471F-A7BA-1680732F4598}" presName="Parent1" presStyleLbl="node1" presStyleIdx="0" presStyleCnt="6">
        <dgm:presLayoutVars>
          <dgm:chMax val="1"/>
          <dgm:chPref val="1"/>
          <dgm:bulletEnabled val="1"/>
        </dgm:presLayoutVars>
      </dgm:prSet>
      <dgm:spPr/>
    </dgm:pt>
    <dgm:pt modelId="{898FAD54-5176-4A5F-B116-3E1368AB7FE0}" type="pres">
      <dgm:prSet presAssocID="{D635A5B8-7788-471F-A7BA-1680732F4598}" presName="Childtext1" presStyleLbl="revTx" presStyleIdx="0" presStyleCnt="3" custLinFactX="-100000" custLinFactNeighborX="-127446" custLinFactNeighborY="14015">
        <dgm:presLayoutVars>
          <dgm:chMax val="0"/>
          <dgm:chPref val="0"/>
          <dgm:bulletEnabled val="1"/>
        </dgm:presLayoutVars>
      </dgm:prSet>
      <dgm:spPr/>
    </dgm:pt>
    <dgm:pt modelId="{79F9A8D0-1400-4D5A-9F19-29CDC19907BB}" type="pres">
      <dgm:prSet presAssocID="{D635A5B8-7788-471F-A7BA-1680732F4598}" presName="BalanceSpacing" presStyleCnt="0"/>
      <dgm:spPr/>
    </dgm:pt>
    <dgm:pt modelId="{0FAEC1A8-AE36-4F08-946E-2A46A740E148}" type="pres">
      <dgm:prSet presAssocID="{D635A5B8-7788-471F-A7BA-1680732F4598}" presName="BalanceSpacing1" presStyleCnt="0"/>
      <dgm:spPr/>
    </dgm:pt>
    <dgm:pt modelId="{533663EC-A360-46F8-A679-8F8FD8B69EF5}" type="pres">
      <dgm:prSet presAssocID="{E9D40938-0219-4A29-AC7B-A2DA093D6778}" presName="Accent1Text" presStyleLbl="node1" presStyleIdx="1" presStyleCnt="6"/>
      <dgm:spPr/>
    </dgm:pt>
    <dgm:pt modelId="{ED293670-C87F-4975-9D88-A0D880481CAD}" type="pres">
      <dgm:prSet presAssocID="{E9D40938-0219-4A29-AC7B-A2DA093D6778}" presName="spaceBetweenRectangles" presStyleCnt="0"/>
      <dgm:spPr/>
    </dgm:pt>
    <dgm:pt modelId="{ABB9A193-F1DD-4861-BCB9-5C8F08E91950}" type="pres">
      <dgm:prSet presAssocID="{40ABC041-B339-4FA5-B5FD-D8DADC227F88}" presName="composite" presStyleCnt="0"/>
      <dgm:spPr/>
    </dgm:pt>
    <dgm:pt modelId="{F86E60C6-4621-42FA-BB95-1BCEBB3FC108}" type="pres">
      <dgm:prSet presAssocID="{40ABC041-B339-4FA5-B5FD-D8DADC227F88}" presName="Parent1" presStyleLbl="node1" presStyleIdx="2" presStyleCnt="6">
        <dgm:presLayoutVars>
          <dgm:chMax val="1"/>
          <dgm:chPref val="1"/>
          <dgm:bulletEnabled val="1"/>
        </dgm:presLayoutVars>
      </dgm:prSet>
      <dgm:spPr/>
    </dgm:pt>
    <dgm:pt modelId="{FA5110A6-6C2C-4C1A-8B96-5843D777B3EE}" type="pres">
      <dgm:prSet presAssocID="{40ABC041-B339-4FA5-B5FD-D8DADC227F88}" presName="Childtext1" presStyleLbl="revTx" presStyleIdx="1" presStyleCnt="3" custLinFactX="100000" custLinFactNeighborX="137027" custLinFactNeighborY="76985">
        <dgm:presLayoutVars>
          <dgm:chMax val="0"/>
          <dgm:chPref val="0"/>
          <dgm:bulletEnabled val="1"/>
        </dgm:presLayoutVars>
      </dgm:prSet>
      <dgm:spPr/>
    </dgm:pt>
    <dgm:pt modelId="{C827C605-CF57-4127-8BD6-F09965448C1D}" type="pres">
      <dgm:prSet presAssocID="{40ABC041-B339-4FA5-B5FD-D8DADC227F88}" presName="BalanceSpacing" presStyleCnt="0"/>
      <dgm:spPr/>
    </dgm:pt>
    <dgm:pt modelId="{634539C0-2A67-48E4-98F5-4E1D0CC03CE7}" type="pres">
      <dgm:prSet presAssocID="{40ABC041-B339-4FA5-B5FD-D8DADC227F88}" presName="BalanceSpacing1" presStyleCnt="0"/>
      <dgm:spPr/>
    </dgm:pt>
    <dgm:pt modelId="{58BFA19A-F02B-4706-880A-4BED476FF03A}" type="pres">
      <dgm:prSet presAssocID="{6A9200A3-334D-4E3D-BDF2-9C082FEC42BE}" presName="Accent1Text" presStyleLbl="node1" presStyleIdx="3" presStyleCnt="6"/>
      <dgm:spPr/>
    </dgm:pt>
    <dgm:pt modelId="{55094108-E2AD-4753-ACD2-3D43EB688CD2}" type="pres">
      <dgm:prSet presAssocID="{6A9200A3-334D-4E3D-BDF2-9C082FEC42BE}" presName="spaceBetweenRectangles" presStyleCnt="0"/>
      <dgm:spPr/>
    </dgm:pt>
    <dgm:pt modelId="{CB31BF72-D658-4877-901E-DDB5C6EB7741}" type="pres">
      <dgm:prSet presAssocID="{64E63119-25B7-4CAE-AACA-6A13516823FE}" presName="composite" presStyleCnt="0"/>
      <dgm:spPr/>
    </dgm:pt>
    <dgm:pt modelId="{4AA9B962-7444-459F-BF38-69A6A1136401}" type="pres">
      <dgm:prSet presAssocID="{64E63119-25B7-4CAE-AACA-6A13516823FE}" presName="Parent1" presStyleLbl="node1" presStyleIdx="4" presStyleCnt="6">
        <dgm:presLayoutVars>
          <dgm:chMax val="1"/>
          <dgm:chPref val="1"/>
          <dgm:bulletEnabled val="1"/>
        </dgm:presLayoutVars>
      </dgm:prSet>
      <dgm:spPr/>
    </dgm:pt>
    <dgm:pt modelId="{1061F55A-650D-4E73-BAB9-D1ADB7A3535D}" type="pres">
      <dgm:prSet presAssocID="{64E63119-25B7-4CAE-AACA-6A13516823FE}" presName="Childtext1" presStyleLbl="revTx" presStyleIdx="2" presStyleCnt="3" custLinFactX="-200000" custLinFactY="53042" custLinFactNeighborX="-212453" custLinFactNeighborY="100000">
        <dgm:presLayoutVars>
          <dgm:chMax val="0"/>
          <dgm:chPref val="0"/>
          <dgm:bulletEnabled val="1"/>
        </dgm:presLayoutVars>
      </dgm:prSet>
      <dgm:spPr/>
    </dgm:pt>
    <dgm:pt modelId="{F1EC0304-95FD-4933-8E71-F6BACF21D279}" type="pres">
      <dgm:prSet presAssocID="{64E63119-25B7-4CAE-AACA-6A13516823FE}" presName="BalanceSpacing" presStyleCnt="0"/>
      <dgm:spPr/>
    </dgm:pt>
    <dgm:pt modelId="{350596EE-D6EA-4DAC-B129-E32F4B289C09}" type="pres">
      <dgm:prSet presAssocID="{64E63119-25B7-4CAE-AACA-6A13516823FE}" presName="BalanceSpacing1" presStyleCnt="0"/>
      <dgm:spPr/>
    </dgm:pt>
    <dgm:pt modelId="{C0D5B29C-C441-48AC-AAF4-5D0BE2AC90BE}" type="pres">
      <dgm:prSet presAssocID="{88C6C9BE-5AC2-44B7-B786-899A8A9FCF6A}" presName="Accent1Text" presStyleLbl="node1" presStyleIdx="5" presStyleCnt="6"/>
      <dgm:spPr/>
    </dgm:pt>
  </dgm:ptLst>
  <dgm:cxnLst>
    <dgm:cxn modelId="{5AA89C26-2AAA-4841-BFB5-E661B1ADB43A}" type="presOf" srcId="{D635A5B8-7788-471F-A7BA-1680732F4598}" destId="{062D9000-FE4B-4623-B676-ACD0D51B4EC0}" srcOrd="0" destOrd="0" presId="urn:microsoft.com/office/officeart/2008/layout/AlternatingHexagons"/>
    <dgm:cxn modelId="{61693C2D-3BB6-40D7-B311-B261E780B24B}" type="presOf" srcId="{64E63119-25B7-4CAE-AACA-6A13516823FE}" destId="{4AA9B962-7444-459F-BF38-69A6A1136401}" srcOrd="0" destOrd="0" presId="urn:microsoft.com/office/officeart/2008/layout/AlternatingHexagons"/>
    <dgm:cxn modelId="{9B755F2E-5AA5-4409-AF8C-384B97854370}" type="presOf" srcId="{E9D40938-0219-4A29-AC7B-A2DA093D6778}" destId="{533663EC-A360-46F8-A679-8F8FD8B69EF5}" srcOrd="0" destOrd="0" presId="urn:microsoft.com/office/officeart/2008/layout/AlternatingHexagons"/>
    <dgm:cxn modelId="{32DC4831-4B78-4A84-BF75-9CDC4BFEB194}" srcId="{778DDF40-1FBB-49A5-B012-6490C1CF1A11}" destId="{64E63119-25B7-4CAE-AACA-6A13516823FE}" srcOrd="2" destOrd="0" parTransId="{D71E755C-3365-4FF4-8ACE-2DA2F5012F77}" sibTransId="{88C6C9BE-5AC2-44B7-B786-899A8A9FCF6A}"/>
    <dgm:cxn modelId="{21814338-DABF-4009-8F9F-26514440AE6C}" srcId="{778DDF40-1FBB-49A5-B012-6490C1CF1A11}" destId="{40ABC041-B339-4FA5-B5FD-D8DADC227F88}" srcOrd="1" destOrd="0" parTransId="{63545723-6EE9-4C5F-92F6-298FEBEE8EC5}" sibTransId="{6A9200A3-334D-4E3D-BDF2-9C082FEC42BE}"/>
    <dgm:cxn modelId="{644FB183-C0A4-4083-80EA-66046C2E3ED2}" srcId="{778DDF40-1FBB-49A5-B012-6490C1CF1A11}" destId="{D635A5B8-7788-471F-A7BA-1680732F4598}" srcOrd="0" destOrd="0" parTransId="{4D227441-AECA-48C9-83CB-B9AE448EC2D4}" sibTransId="{E9D40938-0219-4A29-AC7B-A2DA093D6778}"/>
    <dgm:cxn modelId="{BA543AD3-4A8E-4760-A58E-6CE55D962577}" type="presOf" srcId="{778DDF40-1FBB-49A5-B012-6490C1CF1A11}" destId="{7755B9BD-02D3-47FD-8170-2A63BD70D516}" srcOrd="0" destOrd="0" presId="urn:microsoft.com/office/officeart/2008/layout/AlternatingHexagons"/>
    <dgm:cxn modelId="{186799D3-254B-4A20-B25A-BCE4AD36DAF4}" type="presOf" srcId="{88C6C9BE-5AC2-44B7-B786-899A8A9FCF6A}" destId="{C0D5B29C-C441-48AC-AAF4-5D0BE2AC90BE}" srcOrd="0" destOrd="0" presId="urn:microsoft.com/office/officeart/2008/layout/AlternatingHexagons"/>
    <dgm:cxn modelId="{2AD4F7E8-046C-46FA-BEE7-2172AA69BE31}" type="presOf" srcId="{6A9200A3-334D-4E3D-BDF2-9C082FEC42BE}" destId="{58BFA19A-F02B-4706-880A-4BED476FF03A}" srcOrd="0" destOrd="0" presId="urn:microsoft.com/office/officeart/2008/layout/AlternatingHexagons"/>
    <dgm:cxn modelId="{7C96BCFC-96D2-4E37-AB50-3AA6D30E84DB}" type="presOf" srcId="{40ABC041-B339-4FA5-B5FD-D8DADC227F88}" destId="{F86E60C6-4621-42FA-BB95-1BCEBB3FC108}" srcOrd="0" destOrd="0" presId="urn:microsoft.com/office/officeart/2008/layout/AlternatingHexagons"/>
    <dgm:cxn modelId="{6C3DE939-A005-49CF-801A-B4E1A46410FF}" type="presParOf" srcId="{7755B9BD-02D3-47FD-8170-2A63BD70D516}" destId="{C3BA45B0-FD49-417B-812D-90229D928FDF}" srcOrd="0" destOrd="0" presId="urn:microsoft.com/office/officeart/2008/layout/AlternatingHexagons"/>
    <dgm:cxn modelId="{05394BB4-74D5-4D95-B06C-CE6ED6452716}" type="presParOf" srcId="{C3BA45B0-FD49-417B-812D-90229D928FDF}" destId="{062D9000-FE4B-4623-B676-ACD0D51B4EC0}" srcOrd="0" destOrd="0" presId="urn:microsoft.com/office/officeart/2008/layout/AlternatingHexagons"/>
    <dgm:cxn modelId="{8556B0BE-53C3-48E7-9106-2B0C192C1241}" type="presParOf" srcId="{C3BA45B0-FD49-417B-812D-90229D928FDF}" destId="{898FAD54-5176-4A5F-B116-3E1368AB7FE0}" srcOrd="1" destOrd="0" presId="urn:microsoft.com/office/officeart/2008/layout/AlternatingHexagons"/>
    <dgm:cxn modelId="{65FC97DE-0B2A-4977-ABB2-512BC9F703DF}" type="presParOf" srcId="{C3BA45B0-FD49-417B-812D-90229D928FDF}" destId="{79F9A8D0-1400-4D5A-9F19-29CDC19907BB}" srcOrd="2" destOrd="0" presId="urn:microsoft.com/office/officeart/2008/layout/AlternatingHexagons"/>
    <dgm:cxn modelId="{643D27E1-02C2-4400-B633-864FA10D8CC1}" type="presParOf" srcId="{C3BA45B0-FD49-417B-812D-90229D928FDF}" destId="{0FAEC1A8-AE36-4F08-946E-2A46A740E148}" srcOrd="3" destOrd="0" presId="urn:microsoft.com/office/officeart/2008/layout/AlternatingHexagons"/>
    <dgm:cxn modelId="{C7B0D6B8-27F2-41ED-A15A-9228B9D259FF}" type="presParOf" srcId="{C3BA45B0-FD49-417B-812D-90229D928FDF}" destId="{533663EC-A360-46F8-A679-8F8FD8B69EF5}" srcOrd="4" destOrd="0" presId="urn:microsoft.com/office/officeart/2008/layout/AlternatingHexagons"/>
    <dgm:cxn modelId="{F07353BA-FD18-44DC-A4D0-242B96468952}" type="presParOf" srcId="{7755B9BD-02D3-47FD-8170-2A63BD70D516}" destId="{ED293670-C87F-4975-9D88-A0D880481CAD}" srcOrd="1" destOrd="0" presId="urn:microsoft.com/office/officeart/2008/layout/AlternatingHexagons"/>
    <dgm:cxn modelId="{2B3B326A-A963-4E35-AEFA-AFF8B325397A}" type="presParOf" srcId="{7755B9BD-02D3-47FD-8170-2A63BD70D516}" destId="{ABB9A193-F1DD-4861-BCB9-5C8F08E91950}" srcOrd="2" destOrd="0" presId="urn:microsoft.com/office/officeart/2008/layout/AlternatingHexagons"/>
    <dgm:cxn modelId="{82320BE1-E7F0-4A61-8658-E5CB7E9EE423}" type="presParOf" srcId="{ABB9A193-F1DD-4861-BCB9-5C8F08E91950}" destId="{F86E60C6-4621-42FA-BB95-1BCEBB3FC108}" srcOrd="0" destOrd="0" presId="urn:microsoft.com/office/officeart/2008/layout/AlternatingHexagons"/>
    <dgm:cxn modelId="{C3AB9181-5A3D-47FD-841E-FAAE6760263F}" type="presParOf" srcId="{ABB9A193-F1DD-4861-BCB9-5C8F08E91950}" destId="{FA5110A6-6C2C-4C1A-8B96-5843D777B3EE}" srcOrd="1" destOrd="0" presId="urn:microsoft.com/office/officeart/2008/layout/AlternatingHexagons"/>
    <dgm:cxn modelId="{2EE9F96F-5DAB-4B69-9ED0-CBBFE8AF1ABD}" type="presParOf" srcId="{ABB9A193-F1DD-4861-BCB9-5C8F08E91950}" destId="{C827C605-CF57-4127-8BD6-F09965448C1D}" srcOrd="2" destOrd="0" presId="urn:microsoft.com/office/officeart/2008/layout/AlternatingHexagons"/>
    <dgm:cxn modelId="{B42ACFB2-18CF-4EED-B2ED-12158DAA1B9F}" type="presParOf" srcId="{ABB9A193-F1DD-4861-BCB9-5C8F08E91950}" destId="{634539C0-2A67-48E4-98F5-4E1D0CC03CE7}" srcOrd="3" destOrd="0" presId="urn:microsoft.com/office/officeart/2008/layout/AlternatingHexagons"/>
    <dgm:cxn modelId="{EF102899-AC90-4589-9611-AFEB2E098AE8}" type="presParOf" srcId="{ABB9A193-F1DD-4861-BCB9-5C8F08E91950}" destId="{58BFA19A-F02B-4706-880A-4BED476FF03A}" srcOrd="4" destOrd="0" presId="urn:microsoft.com/office/officeart/2008/layout/AlternatingHexagons"/>
    <dgm:cxn modelId="{15453925-4314-463D-89EB-D53D3A5C4E9A}" type="presParOf" srcId="{7755B9BD-02D3-47FD-8170-2A63BD70D516}" destId="{55094108-E2AD-4753-ACD2-3D43EB688CD2}" srcOrd="3" destOrd="0" presId="urn:microsoft.com/office/officeart/2008/layout/AlternatingHexagons"/>
    <dgm:cxn modelId="{CE3A7F09-DE29-4C8C-B330-9DF029C8D011}" type="presParOf" srcId="{7755B9BD-02D3-47FD-8170-2A63BD70D516}" destId="{CB31BF72-D658-4877-901E-DDB5C6EB7741}" srcOrd="4" destOrd="0" presId="urn:microsoft.com/office/officeart/2008/layout/AlternatingHexagons"/>
    <dgm:cxn modelId="{CCCCB724-BEA3-4522-95D7-A351188DD4A7}" type="presParOf" srcId="{CB31BF72-D658-4877-901E-DDB5C6EB7741}" destId="{4AA9B962-7444-459F-BF38-69A6A1136401}" srcOrd="0" destOrd="0" presId="urn:microsoft.com/office/officeart/2008/layout/AlternatingHexagons"/>
    <dgm:cxn modelId="{16ECF473-0F4E-47E5-B76D-3E75C8785DE9}" type="presParOf" srcId="{CB31BF72-D658-4877-901E-DDB5C6EB7741}" destId="{1061F55A-650D-4E73-BAB9-D1ADB7A3535D}" srcOrd="1" destOrd="0" presId="urn:microsoft.com/office/officeart/2008/layout/AlternatingHexagons"/>
    <dgm:cxn modelId="{FF363DA7-0ADB-45A2-92B5-B93E7684D4D2}" type="presParOf" srcId="{CB31BF72-D658-4877-901E-DDB5C6EB7741}" destId="{F1EC0304-95FD-4933-8E71-F6BACF21D279}" srcOrd="2" destOrd="0" presId="urn:microsoft.com/office/officeart/2008/layout/AlternatingHexagons"/>
    <dgm:cxn modelId="{B1B6A40F-23FD-4721-90B7-462722D200E1}" type="presParOf" srcId="{CB31BF72-D658-4877-901E-DDB5C6EB7741}" destId="{350596EE-D6EA-4DAC-B129-E32F4B289C09}" srcOrd="3" destOrd="0" presId="urn:microsoft.com/office/officeart/2008/layout/AlternatingHexagons"/>
    <dgm:cxn modelId="{F06F0F4B-85E1-4C91-952D-23A617165670}" type="presParOf" srcId="{CB31BF72-D658-4877-901E-DDB5C6EB7741}" destId="{C0D5B29C-C441-48AC-AAF4-5D0BE2AC90BE}" srcOrd="4" destOrd="0" presId="urn:microsoft.com/office/officeart/2008/layout/AlternatingHexagons"/>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E78E03B-5E63-441C-8285-12F0C3A474B4}" type="doc">
      <dgm:prSet loTypeId="urn:microsoft.com/office/officeart/2005/8/layout/matrix1" loCatId="matrix" qsTypeId="urn:microsoft.com/office/officeart/2005/8/quickstyle/simple1" qsCatId="simple" csTypeId="urn:microsoft.com/office/officeart/2005/8/colors/accent1_2" csCatId="accent1" phldr="1"/>
      <dgm:spPr/>
      <dgm:t>
        <a:bodyPr/>
        <a:lstStyle/>
        <a:p>
          <a:endParaRPr lang="en-GB"/>
        </a:p>
      </dgm:t>
    </dgm:pt>
    <dgm:pt modelId="{4C56D29A-972C-4067-83A2-2A40F9D18B15}">
      <dgm:prSet phldrT="[Text]"/>
      <dgm:spPr/>
      <dgm:t>
        <a:bodyPr/>
        <a:lstStyle/>
        <a:p>
          <a:r>
            <a:rPr lang="en-GB" dirty="0"/>
            <a:t>Consolidated Metering Code of Practice</a:t>
          </a:r>
        </a:p>
      </dgm:t>
    </dgm:pt>
    <dgm:pt modelId="{DD109C42-1236-46BA-AE48-3228C6EBF6BC}" type="parTrans" cxnId="{E5044CCA-4243-48EF-8BDC-8C777AA8DFC4}">
      <dgm:prSet/>
      <dgm:spPr/>
      <dgm:t>
        <a:bodyPr/>
        <a:lstStyle/>
        <a:p>
          <a:endParaRPr lang="en-GB"/>
        </a:p>
      </dgm:t>
    </dgm:pt>
    <dgm:pt modelId="{B2ADEE9B-12FA-410D-8211-FBFE7B80767C}" type="sibTrans" cxnId="{E5044CCA-4243-48EF-8BDC-8C777AA8DFC4}">
      <dgm:prSet/>
      <dgm:spPr/>
      <dgm:t>
        <a:bodyPr/>
        <a:lstStyle/>
        <a:p>
          <a:endParaRPr lang="en-GB"/>
        </a:p>
      </dgm:t>
    </dgm:pt>
    <dgm:pt modelId="{BF72F8B9-EC4D-4F02-9B74-E5ED7E5FD25A}">
      <dgm:prSet phldrT="[Text]" phldr="1"/>
      <dgm:spPr>
        <a:solidFill>
          <a:schemeClr val="bg1"/>
        </a:solidFill>
        <a:ln>
          <a:solidFill>
            <a:srgbClr val="25993B"/>
          </a:solidFill>
        </a:ln>
      </dgm:spPr>
      <dgm:t>
        <a:bodyPr/>
        <a:lstStyle/>
        <a:p>
          <a:endParaRPr lang="en-GB" dirty="0"/>
        </a:p>
      </dgm:t>
    </dgm:pt>
    <dgm:pt modelId="{A764FE70-608E-42FD-BB2C-E3731AB801F8}" type="parTrans" cxnId="{1BAEE7B5-ED04-4DD6-87FC-EB582BC45336}">
      <dgm:prSet/>
      <dgm:spPr/>
      <dgm:t>
        <a:bodyPr/>
        <a:lstStyle/>
        <a:p>
          <a:endParaRPr lang="en-GB"/>
        </a:p>
      </dgm:t>
    </dgm:pt>
    <dgm:pt modelId="{9BBBE1EA-30BF-4B64-B5D1-16FCCEE2176E}" type="sibTrans" cxnId="{1BAEE7B5-ED04-4DD6-87FC-EB582BC45336}">
      <dgm:prSet/>
      <dgm:spPr/>
      <dgm:t>
        <a:bodyPr/>
        <a:lstStyle/>
        <a:p>
          <a:endParaRPr lang="en-GB"/>
        </a:p>
      </dgm:t>
    </dgm:pt>
    <dgm:pt modelId="{FEFBC974-7EF9-4A48-99A9-F592B0CC54F8}">
      <dgm:prSet phldrT="[Text]" phldr="1"/>
      <dgm:spPr>
        <a:solidFill>
          <a:schemeClr val="bg1"/>
        </a:solidFill>
        <a:ln>
          <a:solidFill>
            <a:srgbClr val="25993B"/>
          </a:solidFill>
        </a:ln>
      </dgm:spPr>
      <dgm:t>
        <a:bodyPr/>
        <a:lstStyle/>
        <a:p>
          <a:endParaRPr lang="en-GB"/>
        </a:p>
      </dgm:t>
    </dgm:pt>
    <dgm:pt modelId="{6C16AFF3-81AF-4C45-BFFE-57E15B433BC6}" type="parTrans" cxnId="{788965BE-A878-44F3-86CC-ECD2BC25F1C8}">
      <dgm:prSet/>
      <dgm:spPr/>
      <dgm:t>
        <a:bodyPr/>
        <a:lstStyle/>
        <a:p>
          <a:endParaRPr lang="en-GB"/>
        </a:p>
      </dgm:t>
    </dgm:pt>
    <dgm:pt modelId="{71E6D8D4-3975-43EF-A91C-21CD8AF4A267}" type="sibTrans" cxnId="{788965BE-A878-44F3-86CC-ECD2BC25F1C8}">
      <dgm:prSet/>
      <dgm:spPr/>
      <dgm:t>
        <a:bodyPr/>
        <a:lstStyle/>
        <a:p>
          <a:endParaRPr lang="en-GB"/>
        </a:p>
      </dgm:t>
    </dgm:pt>
    <dgm:pt modelId="{ED0B884A-68DD-48D8-820F-46E0DBF040CF}">
      <dgm:prSet phldrT="[Text]" phldr="1"/>
      <dgm:spPr>
        <a:solidFill>
          <a:schemeClr val="bg1"/>
        </a:solidFill>
        <a:ln>
          <a:solidFill>
            <a:srgbClr val="25993B"/>
          </a:solidFill>
        </a:ln>
      </dgm:spPr>
      <dgm:t>
        <a:bodyPr/>
        <a:lstStyle/>
        <a:p>
          <a:endParaRPr lang="en-GB"/>
        </a:p>
      </dgm:t>
    </dgm:pt>
    <dgm:pt modelId="{4DB77E88-C04A-46F0-89DD-E487BA828B7F}" type="parTrans" cxnId="{4341D256-67D4-4102-A5D3-08161BB66B36}">
      <dgm:prSet/>
      <dgm:spPr/>
      <dgm:t>
        <a:bodyPr/>
        <a:lstStyle/>
        <a:p>
          <a:endParaRPr lang="en-GB"/>
        </a:p>
      </dgm:t>
    </dgm:pt>
    <dgm:pt modelId="{3DE92B78-1CD4-4666-B723-7763611393EB}" type="sibTrans" cxnId="{4341D256-67D4-4102-A5D3-08161BB66B36}">
      <dgm:prSet/>
      <dgm:spPr/>
      <dgm:t>
        <a:bodyPr/>
        <a:lstStyle/>
        <a:p>
          <a:endParaRPr lang="en-GB"/>
        </a:p>
      </dgm:t>
    </dgm:pt>
    <dgm:pt modelId="{3D2F36A6-B05C-437E-B850-B7D254C90B97}">
      <dgm:prSet phldrT="[Text]" phldr="1"/>
      <dgm:spPr>
        <a:solidFill>
          <a:schemeClr val="bg1"/>
        </a:solidFill>
        <a:ln>
          <a:solidFill>
            <a:srgbClr val="25993B"/>
          </a:solidFill>
        </a:ln>
      </dgm:spPr>
      <dgm:t>
        <a:bodyPr/>
        <a:lstStyle/>
        <a:p>
          <a:endParaRPr lang="en-GB"/>
        </a:p>
      </dgm:t>
    </dgm:pt>
    <dgm:pt modelId="{E427DF45-C96A-49FC-A1C5-133FE085ED92}" type="parTrans" cxnId="{9D25CA18-83B1-4647-A869-7239AC1D4955}">
      <dgm:prSet/>
      <dgm:spPr/>
      <dgm:t>
        <a:bodyPr/>
        <a:lstStyle/>
        <a:p>
          <a:endParaRPr lang="en-GB"/>
        </a:p>
      </dgm:t>
    </dgm:pt>
    <dgm:pt modelId="{BB3B2C1D-6726-47A3-BDD2-55F7D16B03F3}" type="sibTrans" cxnId="{9D25CA18-83B1-4647-A869-7239AC1D4955}">
      <dgm:prSet/>
      <dgm:spPr/>
      <dgm:t>
        <a:bodyPr/>
        <a:lstStyle/>
        <a:p>
          <a:endParaRPr lang="en-GB"/>
        </a:p>
      </dgm:t>
    </dgm:pt>
    <dgm:pt modelId="{F4F998E2-398F-4028-8996-5F7928DE6C14}" type="pres">
      <dgm:prSet presAssocID="{6E78E03B-5E63-441C-8285-12F0C3A474B4}" presName="diagram" presStyleCnt="0">
        <dgm:presLayoutVars>
          <dgm:chMax val="1"/>
          <dgm:dir/>
          <dgm:animLvl val="ctr"/>
          <dgm:resizeHandles val="exact"/>
        </dgm:presLayoutVars>
      </dgm:prSet>
      <dgm:spPr/>
    </dgm:pt>
    <dgm:pt modelId="{626715F5-D097-473F-BBBB-0582648BD634}" type="pres">
      <dgm:prSet presAssocID="{6E78E03B-5E63-441C-8285-12F0C3A474B4}" presName="matrix" presStyleCnt="0"/>
      <dgm:spPr/>
    </dgm:pt>
    <dgm:pt modelId="{9E4688F9-400E-440D-8F62-693C6B558A27}" type="pres">
      <dgm:prSet presAssocID="{6E78E03B-5E63-441C-8285-12F0C3A474B4}" presName="tile1" presStyleLbl="node1" presStyleIdx="0" presStyleCnt="4"/>
      <dgm:spPr/>
    </dgm:pt>
    <dgm:pt modelId="{854E544E-CA53-489B-83F0-587FEC7E1664}" type="pres">
      <dgm:prSet presAssocID="{6E78E03B-5E63-441C-8285-12F0C3A474B4}" presName="tile1text" presStyleLbl="node1" presStyleIdx="0" presStyleCnt="4">
        <dgm:presLayoutVars>
          <dgm:chMax val="0"/>
          <dgm:chPref val="0"/>
          <dgm:bulletEnabled val="1"/>
        </dgm:presLayoutVars>
      </dgm:prSet>
      <dgm:spPr/>
    </dgm:pt>
    <dgm:pt modelId="{8640173F-4A43-4BD5-B923-EB45267E9FFB}" type="pres">
      <dgm:prSet presAssocID="{6E78E03B-5E63-441C-8285-12F0C3A474B4}" presName="tile2" presStyleLbl="node1" presStyleIdx="1" presStyleCnt="4"/>
      <dgm:spPr/>
    </dgm:pt>
    <dgm:pt modelId="{60940C4D-9E5F-4225-9ABB-F838077DB6CC}" type="pres">
      <dgm:prSet presAssocID="{6E78E03B-5E63-441C-8285-12F0C3A474B4}" presName="tile2text" presStyleLbl="node1" presStyleIdx="1" presStyleCnt="4">
        <dgm:presLayoutVars>
          <dgm:chMax val="0"/>
          <dgm:chPref val="0"/>
          <dgm:bulletEnabled val="1"/>
        </dgm:presLayoutVars>
      </dgm:prSet>
      <dgm:spPr/>
    </dgm:pt>
    <dgm:pt modelId="{EC8922A5-7634-4257-9593-9D3DDFDC5A3A}" type="pres">
      <dgm:prSet presAssocID="{6E78E03B-5E63-441C-8285-12F0C3A474B4}" presName="tile3" presStyleLbl="node1" presStyleIdx="2" presStyleCnt="4"/>
      <dgm:spPr/>
    </dgm:pt>
    <dgm:pt modelId="{0FD720B9-CAEE-4259-8677-989BE026560B}" type="pres">
      <dgm:prSet presAssocID="{6E78E03B-5E63-441C-8285-12F0C3A474B4}" presName="tile3text" presStyleLbl="node1" presStyleIdx="2" presStyleCnt="4">
        <dgm:presLayoutVars>
          <dgm:chMax val="0"/>
          <dgm:chPref val="0"/>
          <dgm:bulletEnabled val="1"/>
        </dgm:presLayoutVars>
      </dgm:prSet>
      <dgm:spPr/>
    </dgm:pt>
    <dgm:pt modelId="{E4274F46-5B0C-4759-9B46-85F8B7597812}" type="pres">
      <dgm:prSet presAssocID="{6E78E03B-5E63-441C-8285-12F0C3A474B4}" presName="tile4" presStyleLbl="node1" presStyleIdx="3" presStyleCnt="4"/>
      <dgm:spPr/>
    </dgm:pt>
    <dgm:pt modelId="{2A747C30-9CB8-46A2-93A5-391D6D193184}" type="pres">
      <dgm:prSet presAssocID="{6E78E03B-5E63-441C-8285-12F0C3A474B4}" presName="tile4text" presStyleLbl="node1" presStyleIdx="3" presStyleCnt="4">
        <dgm:presLayoutVars>
          <dgm:chMax val="0"/>
          <dgm:chPref val="0"/>
          <dgm:bulletEnabled val="1"/>
        </dgm:presLayoutVars>
      </dgm:prSet>
      <dgm:spPr/>
    </dgm:pt>
    <dgm:pt modelId="{BDE1F2E9-FC25-4801-BBE9-A3364C6D480C}" type="pres">
      <dgm:prSet presAssocID="{6E78E03B-5E63-441C-8285-12F0C3A474B4}" presName="centerTile" presStyleLbl="fgShp" presStyleIdx="0" presStyleCnt="1">
        <dgm:presLayoutVars>
          <dgm:chMax val="0"/>
          <dgm:chPref val="0"/>
        </dgm:presLayoutVars>
      </dgm:prSet>
      <dgm:spPr/>
    </dgm:pt>
  </dgm:ptLst>
  <dgm:cxnLst>
    <dgm:cxn modelId="{3CC20710-CEE4-44B0-9F1E-049325AD14D8}" type="presOf" srcId="{ED0B884A-68DD-48D8-820F-46E0DBF040CF}" destId="{EC8922A5-7634-4257-9593-9D3DDFDC5A3A}" srcOrd="0" destOrd="0" presId="urn:microsoft.com/office/officeart/2005/8/layout/matrix1"/>
    <dgm:cxn modelId="{9D25CA18-83B1-4647-A869-7239AC1D4955}" srcId="{4C56D29A-972C-4067-83A2-2A40F9D18B15}" destId="{3D2F36A6-B05C-437E-B850-B7D254C90B97}" srcOrd="3" destOrd="0" parTransId="{E427DF45-C96A-49FC-A1C5-133FE085ED92}" sibTransId="{BB3B2C1D-6726-47A3-BDD2-55F7D16B03F3}"/>
    <dgm:cxn modelId="{C3F9AD40-36A7-421D-A7BF-E499AC7C1CF9}" type="presOf" srcId="{FEFBC974-7EF9-4A48-99A9-F592B0CC54F8}" destId="{8640173F-4A43-4BD5-B923-EB45267E9FFB}" srcOrd="0" destOrd="0" presId="urn:microsoft.com/office/officeart/2005/8/layout/matrix1"/>
    <dgm:cxn modelId="{B701D15C-0531-4E37-B698-68E59EF11B4E}" type="presOf" srcId="{6E78E03B-5E63-441C-8285-12F0C3A474B4}" destId="{F4F998E2-398F-4028-8996-5F7928DE6C14}" srcOrd="0" destOrd="0" presId="urn:microsoft.com/office/officeart/2005/8/layout/matrix1"/>
    <dgm:cxn modelId="{34551265-2551-4144-89CB-194C14F60BC4}" type="presOf" srcId="{BF72F8B9-EC4D-4F02-9B74-E5ED7E5FD25A}" destId="{854E544E-CA53-489B-83F0-587FEC7E1664}" srcOrd="1" destOrd="0" presId="urn:microsoft.com/office/officeart/2005/8/layout/matrix1"/>
    <dgm:cxn modelId="{4341D256-67D4-4102-A5D3-08161BB66B36}" srcId="{4C56D29A-972C-4067-83A2-2A40F9D18B15}" destId="{ED0B884A-68DD-48D8-820F-46E0DBF040CF}" srcOrd="2" destOrd="0" parTransId="{4DB77E88-C04A-46F0-89DD-E487BA828B7F}" sibTransId="{3DE92B78-1CD4-4666-B723-7763611393EB}"/>
    <dgm:cxn modelId="{48CD428E-59AE-4F4B-A95E-E71E86002E92}" type="presOf" srcId="{ED0B884A-68DD-48D8-820F-46E0DBF040CF}" destId="{0FD720B9-CAEE-4259-8677-989BE026560B}" srcOrd="1" destOrd="0" presId="urn:microsoft.com/office/officeart/2005/8/layout/matrix1"/>
    <dgm:cxn modelId="{FBEBE292-78F5-4166-A3D2-E52FCC867BCD}" type="presOf" srcId="{FEFBC974-7EF9-4A48-99A9-F592B0CC54F8}" destId="{60940C4D-9E5F-4225-9ABB-F838077DB6CC}" srcOrd="1" destOrd="0" presId="urn:microsoft.com/office/officeart/2005/8/layout/matrix1"/>
    <dgm:cxn modelId="{1BAEE7B5-ED04-4DD6-87FC-EB582BC45336}" srcId="{4C56D29A-972C-4067-83A2-2A40F9D18B15}" destId="{BF72F8B9-EC4D-4F02-9B74-E5ED7E5FD25A}" srcOrd="0" destOrd="0" parTransId="{A764FE70-608E-42FD-BB2C-E3731AB801F8}" sibTransId="{9BBBE1EA-30BF-4B64-B5D1-16FCCEE2176E}"/>
    <dgm:cxn modelId="{788965BE-A878-44F3-86CC-ECD2BC25F1C8}" srcId="{4C56D29A-972C-4067-83A2-2A40F9D18B15}" destId="{FEFBC974-7EF9-4A48-99A9-F592B0CC54F8}" srcOrd="1" destOrd="0" parTransId="{6C16AFF3-81AF-4C45-BFFE-57E15B433BC6}" sibTransId="{71E6D8D4-3975-43EF-A91C-21CD8AF4A267}"/>
    <dgm:cxn modelId="{EF7289BF-98A6-4703-8C8C-4435809AF227}" type="presOf" srcId="{3D2F36A6-B05C-437E-B850-B7D254C90B97}" destId="{E4274F46-5B0C-4759-9B46-85F8B7597812}" srcOrd="0" destOrd="0" presId="urn:microsoft.com/office/officeart/2005/8/layout/matrix1"/>
    <dgm:cxn modelId="{EC83BCC9-F62C-4550-898D-F701828F075C}" type="presOf" srcId="{3D2F36A6-B05C-437E-B850-B7D254C90B97}" destId="{2A747C30-9CB8-46A2-93A5-391D6D193184}" srcOrd="1" destOrd="0" presId="urn:microsoft.com/office/officeart/2005/8/layout/matrix1"/>
    <dgm:cxn modelId="{E5044CCA-4243-48EF-8BDC-8C777AA8DFC4}" srcId="{6E78E03B-5E63-441C-8285-12F0C3A474B4}" destId="{4C56D29A-972C-4067-83A2-2A40F9D18B15}" srcOrd="0" destOrd="0" parTransId="{DD109C42-1236-46BA-AE48-3228C6EBF6BC}" sibTransId="{B2ADEE9B-12FA-410D-8211-FBFE7B80767C}"/>
    <dgm:cxn modelId="{D80551DD-C148-4E9C-971B-EC0146E9533F}" type="presOf" srcId="{BF72F8B9-EC4D-4F02-9B74-E5ED7E5FD25A}" destId="{9E4688F9-400E-440D-8F62-693C6B558A27}" srcOrd="0" destOrd="0" presId="urn:microsoft.com/office/officeart/2005/8/layout/matrix1"/>
    <dgm:cxn modelId="{23380AFE-5BE1-4D17-845F-2B475D606B18}" type="presOf" srcId="{4C56D29A-972C-4067-83A2-2A40F9D18B15}" destId="{BDE1F2E9-FC25-4801-BBE9-A3364C6D480C}" srcOrd="0" destOrd="0" presId="urn:microsoft.com/office/officeart/2005/8/layout/matrix1"/>
    <dgm:cxn modelId="{18FA3935-6BDF-42D8-ABEB-C1E415231A91}" type="presParOf" srcId="{F4F998E2-398F-4028-8996-5F7928DE6C14}" destId="{626715F5-D097-473F-BBBB-0582648BD634}" srcOrd="0" destOrd="0" presId="urn:microsoft.com/office/officeart/2005/8/layout/matrix1"/>
    <dgm:cxn modelId="{02E5524E-6A46-4FDC-B4C2-E1ABCE44A8D1}" type="presParOf" srcId="{626715F5-D097-473F-BBBB-0582648BD634}" destId="{9E4688F9-400E-440D-8F62-693C6B558A27}" srcOrd="0" destOrd="0" presId="urn:microsoft.com/office/officeart/2005/8/layout/matrix1"/>
    <dgm:cxn modelId="{34448BDD-744A-46E5-BFE7-09DD08F04ED2}" type="presParOf" srcId="{626715F5-D097-473F-BBBB-0582648BD634}" destId="{854E544E-CA53-489B-83F0-587FEC7E1664}" srcOrd="1" destOrd="0" presId="urn:microsoft.com/office/officeart/2005/8/layout/matrix1"/>
    <dgm:cxn modelId="{E2E3E1BE-3326-4D83-A519-543D6E517590}" type="presParOf" srcId="{626715F5-D097-473F-BBBB-0582648BD634}" destId="{8640173F-4A43-4BD5-B923-EB45267E9FFB}" srcOrd="2" destOrd="0" presId="urn:microsoft.com/office/officeart/2005/8/layout/matrix1"/>
    <dgm:cxn modelId="{BF32CB4F-301C-46CD-AFCE-B1C4A330A491}" type="presParOf" srcId="{626715F5-D097-473F-BBBB-0582648BD634}" destId="{60940C4D-9E5F-4225-9ABB-F838077DB6CC}" srcOrd="3" destOrd="0" presId="urn:microsoft.com/office/officeart/2005/8/layout/matrix1"/>
    <dgm:cxn modelId="{4ED3DD03-5429-4229-8B3D-784C06940873}" type="presParOf" srcId="{626715F5-D097-473F-BBBB-0582648BD634}" destId="{EC8922A5-7634-4257-9593-9D3DDFDC5A3A}" srcOrd="4" destOrd="0" presId="urn:microsoft.com/office/officeart/2005/8/layout/matrix1"/>
    <dgm:cxn modelId="{199616D4-78BD-4C53-86F3-59DE4D81163C}" type="presParOf" srcId="{626715F5-D097-473F-BBBB-0582648BD634}" destId="{0FD720B9-CAEE-4259-8677-989BE026560B}" srcOrd="5" destOrd="0" presId="urn:microsoft.com/office/officeart/2005/8/layout/matrix1"/>
    <dgm:cxn modelId="{F3F564FB-1F3F-43E3-8AA7-56969F790186}" type="presParOf" srcId="{626715F5-D097-473F-BBBB-0582648BD634}" destId="{E4274F46-5B0C-4759-9B46-85F8B7597812}" srcOrd="6" destOrd="0" presId="urn:microsoft.com/office/officeart/2005/8/layout/matrix1"/>
    <dgm:cxn modelId="{E3DE8EE4-2689-46FA-9831-051FBDF6BEE9}" type="presParOf" srcId="{626715F5-D097-473F-BBBB-0582648BD634}" destId="{2A747C30-9CB8-46A2-93A5-391D6D193184}" srcOrd="7" destOrd="0" presId="urn:microsoft.com/office/officeart/2005/8/layout/matrix1"/>
    <dgm:cxn modelId="{84666228-1E1D-4600-8A46-0BBE56964080}" type="presParOf" srcId="{F4F998E2-398F-4028-8996-5F7928DE6C14}" destId="{BDE1F2E9-FC25-4801-BBE9-A3364C6D480C}" srcOrd="1" destOrd="0" presId="urn:microsoft.com/office/officeart/2005/8/layout/matrix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62D9000-FE4B-4623-B676-ACD0D51B4EC0}">
      <dsp:nvSpPr>
        <dsp:cNvPr id="0" name=""/>
        <dsp:cNvSpPr/>
      </dsp:nvSpPr>
      <dsp:spPr>
        <a:xfrm rot="5400000">
          <a:off x="1898168" y="452945"/>
          <a:ext cx="1246662" cy="1084596"/>
        </a:xfrm>
        <a:prstGeom prst="hexagon">
          <a:avLst>
            <a:gd name="adj" fmla="val 25000"/>
            <a:gd name="vf" fmla="val 115470"/>
          </a:avLst>
        </a:prstGeom>
        <a:solidFill>
          <a:schemeClr val="accent1">
            <a:shade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355600">
            <a:lnSpc>
              <a:spcPct val="90000"/>
            </a:lnSpc>
            <a:spcBef>
              <a:spcPct val="0"/>
            </a:spcBef>
            <a:spcAft>
              <a:spcPct val="35000"/>
            </a:spcAft>
            <a:buNone/>
          </a:pPr>
          <a:endParaRPr lang="en-GB" sz="800" kern="1200" dirty="0"/>
        </a:p>
      </dsp:txBody>
      <dsp:txXfrm rot="-5400000">
        <a:off x="2148217" y="566185"/>
        <a:ext cx="746564" cy="858119"/>
      </dsp:txXfrm>
    </dsp:sp>
    <dsp:sp modelId="{898FAD54-5176-4A5F-B116-3E1368AB7FE0}">
      <dsp:nvSpPr>
        <dsp:cNvPr id="0" name=""/>
        <dsp:cNvSpPr/>
      </dsp:nvSpPr>
      <dsp:spPr>
        <a:xfrm>
          <a:off x="0" y="726076"/>
          <a:ext cx="1391275" cy="747997"/>
        </a:xfrm>
        <a:prstGeom prst="rect">
          <a:avLst/>
        </a:prstGeom>
        <a:noFill/>
        <a:ln>
          <a:noFill/>
        </a:ln>
        <a:effectLst/>
      </dsp:spPr>
      <dsp:style>
        <a:lnRef idx="0">
          <a:scrgbClr r="0" g="0" b="0"/>
        </a:lnRef>
        <a:fillRef idx="0">
          <a:scrgbClr r="0" g="0" b="0"/>
        </a:fillRef>
        <a:effectRef idx="0">
          <a:scrgbClr r="0" g="0" b="0"/>
        </a:effectRef>
        <a:fontRef idx="minor"/>
      </dsp:style>
    </dsp:sp>
    <dsp:sp modelId="{533663EC-A360-46F8-A679-8F8FD8B69EF5}">
      <dsp:nvSpPr>
        <dsp:cNvPr id="0" name=""/>
        <dsp:cNvSpPr/>
      </dsp:nvSpPr>
      <dsp:spPr>
        <a:xfrm rot="5400000">
          <a:off x="726804" y="452945"/>
          <a:ext cx="1246662" cy="1084596"/>
        </a:xfrm>
        <a:prstGeom prst="hexagon">
          <a:avLst>
            <a:gd name="adj" fmla="val 25000"/>
            <a:gd name="vf" fmla="val 115470"/>
          </a:avLst>
        </a:prstGeom>
        <a:solidFill>
          <a:schemeClr val="accent1">
            <a:shade val="50000"/>
            <a:hueOff val="118942"/>
            <a:satOff val="-10668"/>
            <a:lumOff val="16286"/>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600200">
            <a:lnSpc>
              <a:spcPct val="90000"/>
            </a:lnSpc>
            <a:spcBef>
              <a:spcPct val="0"/>
            </a:spcBef>
            <a:spcAft>
              <a:spcPct val="35000"/>
            </a:spcAft>
            <a:buNone/>
          </a:pPr>
          <a:endParaRPr lang="en-GB" sz="3600" kern="1200"/>
        </a:p>
      </dsp:txBody>
      <dsp:txXfrm rot="-5400000">
        <a:off x="976853" y="566185"/>
        <a:ext cx="746564" cy="858119"/>
      </dsp:txXfrm>
    </dsp:sp>
    <dsp:sp modelId="{F86E60C6-4621-42FA-BB95-1BCEBB3FC108}">
      <dsp:nvSpPr>
        <dsp:cNvPr id="0" name=""/>
        <dsp:cNvSpPr/>
      </dsp:nvSpPr>
      <dsp:spPr>
        <a:xfrm rot="5400000">
          <a:off x="1310242" y="1511112"/>
          <a:ext cx="1246662" cy="1084596"/>
        </a:xfrm>
        <a:prstGeom prst="hexagon">
          <a:avLst>
            <a:gd name="adj" fmla="val 25000"/>
            <a:gd name="vf" fmla="val 115470"/>
          </a:avLst>
        </a:prstGeom>
        <a:solidFill>
          <a:schemeClr val="accent1">
            <a:shade val="50000"/>
            <a:hueOff val="237885"/>
            <a:satOff val="-21337"/>
            <a:lumOff val="3257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40970" tIns="140970" rIns="140970" bIns="140970" numCol="1" spcCol="1270" anchor="ctr" anchorCtr="0">
          <a:noAutofit/>
        </a:bodyPr>
        <a:lstStyle/>
        <a:p>
          <a:pPr marL="0" lvl="0" indent="0" algn="ctr" defTabSz="1644650">
            <a:lnSpc>
              <a:spcPct val="90000"/>
            </a:lnSpc>
            <a:spcBef>
              <a:spcPct val="0"/>
            </a:spcBef>
            <a:spcAft>
              <a:spcPct val="35000"/>
            </a:spcAft>
            <a:buNone/>
          </a:pPr>
          <a:endParaRPr lang="en-GB" sz="3700" kern="1200" dirty="0"/>
        </a:p>
      </dsp:txBody>
      <dsp:txXfrm rot="-5400000">
        <a:off x="1560291" y="1624352"/>
        <a:ext cx="746564" cy="858119"/>
      </dsp:txXfrm>
    </dsp:sp>
    <dsp:sp modelId="{FA5110A6-6C2C-4C1A-8B96-5843D777B3EE}">
      <dsp:nvSpPr>
        <dsp:cNvPr id="0" name=""/>
        <dsp:cNvSpPr/>
      </dsp:nvSpPr>
      <dsp:spPr>
        <a:xfrm>
          <a:off x="3141589" y="2255257"/>
          <a:ext cx="1346395" cy="747997"/>
        </a:xfrm>
        <a:prstGeom prst="rect">
          <a:avLst/>
        </a:prstGeom>
        <a:noFill/>
        <a:ln>
          <a:noFill/>
        </a:ln>
        <a:effectLst/>
      </dsp:spPr>
      <dsp:style>
        <a:lnRef idx="0">
          <a:scrgbClr r="0" g="0" b="0"/>
        </a:lnRef>
        <a:fillRef idx="0">
          <a:scrgbClr r="0" g="0" b="0"/>
        </a:fillRef>
        <a:effectRef idx="0">
          <a:scrgbClr r="0" g="0" b="0"/>
        </a:effectRef>
        <a:fontRef idx="minor"/>
      </dsp:style>
    </dsp:sp>
    <dsp:sp modelId="{58BFA19A-F02B-4706-880A-4BED476FF03A}">
      <dsp:nvSpPr>
        <dsp:cNvPr id="0" name=""/>
        <dsp:cNvSpPr/>
      </dsp:nvSpPr>
      <dsp:spPr>
        <a:xfrm rot="5400000">
          <a:off x="2481606" y="1511112"/>
          <a:ext cx="1246662" cy="1084596"/>
        </a:xfrm>
        <a:prstGeom prst="hexagon">
          <a:avLst>
            <a:gd name="adj" fmla="val 25000"/>
            <a:gd name="vf" fmla="val 115470"/>
          </a:avLst>
        </a:prstGeom>
        <a:solidFill>
          <a:schemeClr val="accent1">
            <a:shade val="50000"/>
            <a:hueOff val="356827"/>
            <a:satOff val="-32005"/>
            <a:lumOff val="48858"/>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600200">
            <a:lnSpc>
              <a:spcPct val="90000"/>
            </a:lnSpc>
            <a:spcBef>
              <a:spcPct val="0"/>
            </a:spcBef>
            <a:spcAft>
              <a:spcPct val="35000"/>
            </a:spcAft>
            <a:buNone/>
          </a:pPr>
          <a:endParaRPr lang="en-GB" sz="3600" kern="1200"/>
        </a:p>
      </dsp:txBody>
      <dsp:txXfrm rot="-5400000">
        <a:off x="2731655" y="1624352"/>
        <a:ext cx="746564" cy="858119"/>
      </dsp:txXfrm>
    </dsp:sp>
    <dsp:sp modelId="{4AA9B962-7444-459F-BF38-69A6A1136401}">
      <dsp:nvSpPr>
        <dsp:cNvPr id="0" name=""/>
        <dsp:cNvSpPr/>
      </dsp:nvSpPr>
      <dsp:spPr>
        <a:xfrm rot="5400000">
          <a:off x="1898168" y="2569279"/>
          <a:ext cx="1246662" cy="1084596"/>
        </a:xfrm>
        <a:prstGeom prst="hexagon">
          <a:avLst>
            <a:gd name="adj" fmla="val 25000"/>
            <a:gd name="vf" fmla="val 115470"/>
          </a:avLst>
        </a:prstGeom>
        <a:solidFill>
          <a:schemeClr val="accent1">
            <a:shade val="50000"/>
            <a:hueOff val="237885"/>
            <a:satOff val="-21337"/>
            <a:lumOff val="3257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40970" tIns="140970" rIns="140970" bIns="140970" numCol="1" spcCol="1270" anchor="ctr" anchorCtr="0">
          <a:noAutofit/>
        </a:bodyPr>
        <a:lstStyle/>
        <a:p>
          <a:pPr marL="0" lvl="0" indent="0" algn="ctr" defTabSz="1644650">
            <a:lnSpc>
              <a:spcPct val="90000"/>
            </a:lnSpc>
            <a:spcBef>
              <a:spcPct val="0"/>
            </a:spcBef>
            <a:spcAft>
              <a:spcPct val="35000"/>
            </a:spcAft>
            <a:buNone/>
          </a:pPr>
          <a:endParaRPr lang="en-GB" sz="3700" kern="1200" dirty="0"/>
        </a:p>
      </dsp:txBody>
      <dsp:txXfrm rot="-5400000">
        <a:off x="2148217" y="2682519"/>
        <a:ext cx="746564" cy="858119"/>
      </dsp:txXfrm>
    </dsp:sp>
    <dsp:sp modelId="{1061F55A-650D-4E73-BAB9-D1ADB7A3535D}">
      <dsp:nvSpPr>
        <dsp:cNvPr id="0" name=""/>
        <dsp:cNvSpPr/>
      </dsp:nvSpPr>
      <dsp:spPr>
        <a:xfrm>
          <a:off x="0" y="3358823"/>
          <a:ext cx="1391275" cy="747997"/>
        </a:xfrm>
        <a:prstGeom prst="rect">
          <a:avLst/>
        </a:prstGeom>
        <a:noFill/>
        <a:ln>
          <a:noFill/>
        </a:ln>
        <a:effectLst/>
      </dsp:spPr>
      <dsp:style>
        <a:lnRef idx="0">
          <a:scrgbClr r="0" g="0" b="0"/>
        </a:lnRef>
        <a:fillRef idx="0">
          <a:scrgbClr r="0" g="0" b="0"/>
        </a:fillRef>
        <a:effectRef idx="0">
          <a:scrgbClr r="0" g="0" b="0"/>
        </a:effectRef>
        <a:fontRef idx="minor"/>
      </dsp:style>
    </dsp:sp>
    <dsp:sp modelId="{C0D5B29C-C441-48AC-AAF4-5D0BE2AC90BE}">
      <dsp:nvSpPr>
        <dsp:cNvPr id="0" name=""/>
        <dsp:cNvSpPr/>
      </dsp:nvSpPr>
      <dsp:spPr>
        <a:xfrm rot="5400000">
          <a:off x="726804" y="2569279"/>
          <a:ext cx="1246662" cy="1084596"/>
        </a:xfrm>
        <a:prstGeom prst="hexagon">
          <a:avLst>
            <a:gd name="adj" fmla="val 25000"/>
            <a:gd name="vf" fmla="val 115470"/>
          </a:avLst>
        </a:prstGeom>
        <a:solidFill>
          <a:schemeClr val="accent1">
            <a:shade val="50000"/>
            <a:hueOff val="118942"/>
            <a:satOff val="-10668"/>
            <a:lumOff val="16286"/>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600200">
            <a:lnSpc>
              <a:spcPct val="90000"/>
            </a:lnSpc>
            <a:spcBef>
              <a:spcPct val="0"/>
            </a:spcBef>
            <a:spcAft>
              <a:spcPct val="35000"/>
            </a:spcAft>
            <a:buNone/>
          </a:pPr>
          <a:endParaRPr lang="en-GB" sz="3600" kern="1200"/>
        </a:p>
      </dsp:txBody>
      <dsp:txXfrm rot="-5400000">
        <a:off x="976853" y="2682519"/>
        <a:ext cx="746564" cy="85811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E4688F9-400E-440D-8F62-693C6B558A27}">
      <dsp:nvSpPr>
        <dsp:cNvPr id="0" name=""/>
        <dsp:cNvSpPr/>
      </dsp:nvSpPr>
      <dsp:spPr>
        <a:xfrm rot="16200000">
          <a:off x="535701" y="-535701"/>
          <a:ext cx="2107784" cy="3179187"/>
        </a:xfrm>
        <a:prstGeom prst="round1Rect">
          <a:avLst/>
        </a:prstGeom>
        <a:solidFill>
          <a:schemeClr val="bg1"/>
        </a:solidFill>
        <a:ln w="12700" cap="flat" cmpd="sng" algn="ctr">
          <a:solidFill>
            <a:srgbClr val="25993B"/>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0904" tIns="120904" rIns="120904" bIns="120904" numCol="1" spcCol="1270" anchor="ctr" anchorCtr="0">
          <a:noAutofit/>
        </a:bodyPr>
        <a:lstStyle/>
        <a:p>
          <a:pPr marL="0" lvl="0" indent="0" algn="ctr" defTabSz="755650">
            <a:lnSpc>
              <a:spcPct val="90000"/>
            </a:lnSpc>
            <a:spcBef>
              <a:spcPct val="0"/>
            </a:spcBef>
            <a:spcAft>
              <a:spcPct val="35000"/>
            </a:spcAft>
            <a:buNone/>
          </a:pPr>
          <a:endParaRPr lang="en-GB" sz="1700" kern="1200" dirty="0"/>
        </a:p>
      </dsp:txBody>
      <dsp:txXfrm rot="5400000">
        <a:off x="0" y="0"/>
        <a:ext cx="3179187" cy="1580838"/>
      </dsp:txXfrm>
    </dsp:sp>
    <dsp:sp modelId="{8640173F-4A43-4BD5-B923-EB45267E9FFB}">
      <dsp:nvSpPr>
        <dsp:cNvPr id="0" name=""/>
        <dsp:cNvSpPr/>
      </dsp:nvSpPr>
      <dsp:spPr>
        <a:xfrm>
          <a:off x="3179187" y="0"/>
          <a:ext cx="3179187" cy="2107784"/>
        </a:xfrm>
        <a:prstGeom prst="round1Rect">
          <a:avLst/>
        </a:prstGeom>
        <a:solidFill>
          <a:schemeClr val="bg1"/>
        </a:solidFill>
        <a:ln w="12700" cap="flat" cmpd="sng" algn="ctr">
          <a:solidFill>
            <a:srgbClr val="25993B"/>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0904" tIns="120904" rIns="120904" bIns="120904" numCol="1" spcCol="1270" anchor="ctr" anchorCtr="0">
          <a:noAutofit/>
        </a:bodyPr>
        <a:lstStyle/>
        <a:p>
          <a:pPr marL="0" lvl="0" indent="0" algn="ctr" defTabSz="755650">
            <a:lnSpc>
              <a:spcPct val="90000"/>
            </a:lnSpc>
            <a:spcBef>
              <a:spcPct val="0"/>
            </a:spcBef>
            <a:spcAft>
              <a:spcPct val="35000"/>
            </a:spcAft>
            <a:buNone/>
          </a:pPr>
          <a:endParaRPr lang="en-GB" sz="1700" kern="1200"/>
        </a:p>
      </dsp:txBody>
      <dsp:txXfrm>
        <a:off x="3179187" y="0"/>
        <a:ext cx="3179187" cy="1580838"/>
      </dsp:txXfrm>
    </dsp:sp>
    <dsp:sp modelId="{EC8922A5-7634-4257-9593-9D3DDFDC5A3A}">
      <dsp:nvSpPr>
        <dsp:cNvPr id="0" name=""/>
        <dsp:cNvSpPr/>
      </dsp:nvSpPr>
      <dsp:spPr>
        <a:xfrm rot="10800000">
          <a:off x="0" y="2107784"/>
          <a:ext cx="3179187" cy="2107784"/>
        </a:xfrm>
        <a:prstGeom prst="round1Rect">
          <a:avLst/>
        </a:prstGeom>
        <a:solidFill>
          <a:schemeClr val="bg1"/>
        </a:solidFill>
        <a:ln w="12700" cap="flat" cmpd="sng" algn="ctr">
          <a:solidFill>
            <a:srgbClr val="25993B"/>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0904" tIns="120904" rIns="120904" bIns="120904" numCol="1" spcCol="1270" anchor="ctr" anchorCtr="0">
          <a:noAutofit/>
        </a:bodyPr>
        <a:lstStyle/>
        <a:p>
          <a:pPr marL="0" lvl="0" indent="0" algn="ctr" defTabSz="755650">
            <a:lnSpc>
              <a:spcPct val="90000"/>
            </a:lnSpc>
            <a:spcBef>
              <a:spcPct val="0"/>
            </a:spcBef>
            <a:spcAft>
              <a:spcPct val="35000"/>
            </a:spcAft>
            <a:buNone/>
          </a:pPr>
          <a:endParaRPr lang="en-GB" sz="1700" kern="1200"/>
        </a:p>
      </dsp:txBody>
      <dsp:txXfrm rot="10800000">
        <a:off x="0" y="2634730"/>
        <a:ext cx="3179187" cy="1580838"/>
      </dsp:txXfrm>
    </dsp:sp>
    <dsp:sp modelId="{E4274F46-5B0C-4759-9B46-85F8B7597812}">
      <dsp:nvSpPr>
        <dsp:cNvPr id="0" name=""/>
        <dsp:cNvSpPr/>
      </dsp:nvSpPr>
      <dsp:spPr>
        <a:xfrm rot="5400000">
          <a:off x="3714888" y="1572083"/>
          <a:ext cx="2107784" cy="3179187"/>
        </a:xfrm>
        <a:prstGeom prst="round1Rect">
          <a:avLst/>
        </a:prstGeom>
        <a:solidFill>
          <a:schemeClr val="bg1"/>
        </a:solidFill>
        <a:ln w="12700" cap="flat" cmpd="sng" algn="ctr">
          <a:solidFill>
            <a:srgbClr val="25993B"/>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0904" tIns="120904" rIns="120904" bIns="120904" numCol="1" spcCol="1270" anchor="ctr" anchorCtr="0">
          <a:noAutofit/>
        </a:bodyPr>
        <a:lstStyle/>
        <a:p>
          <a:pPr marL="0" lvl="0" indent="0" algn="ctr" defTabSz="755650">
            <a:lnSpc>
              <a:spcPct val="90000"/>
            </a:lnSpc>
            <a:spcBef>
              <a:spcPct val="0"/>
            </a:spcBef>
            <a:spcAft>
              <a:spcPct val="35000"/>
            </a:spcAft>
            <a:buNone/>
          </a:pPr>
          <a:endParaRPr lang="en-GB" sz="1700" kern="1200"/>
        </a:p>
      </dsp:txBody>
      <dsp:txXfrm rot="-5400000">
        <a:off x="3179187" y="2634730"/>
        <a:ext cx="3179187" cy="1580838"/>
      </dsp:txXfrm>
    </dsp:sp>
    <dsp:sp modelId="{BDE1F2E9-FC25-4801-BBE9-A3364C6D480C}">
      <dsp:nvSpPr>
        <dsp:cNvPr id="0" name=""/>
        <dsp:cNvSpPr/>
      </dsp:nvSpPr>
      <dsp:spPr>
        <a:xfrm>
          <a:off x="2225430" y="1580838"/>
          <a:ext cx="1907512" cy="1053892"/>
        </a:xfrm>
        <a:prstGeom prst="roundRect">
          <a:avLst/>
        </a:prstGeom>
        <a:solidFill>
          <a:schemeClr val="accent1">
            <a:tint val="6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en-GB" sz="1700" kern="1200" dirty="0"/>
            <a:t>Consolidated Metering Code of Practice</a:t>
          </a:r>
        </a:p>
      </dsp:txBody>
      <dsp:txXfrm>
        <a:off x="2276877" y="1632285"/>
        <a:ext cx="1804618" cy="950998"/>
      </dsp:txXfrm>
    </dsp:sp>
  </dsp:spTree>
</dsp:drawing>
</file>

<file path=ppt/diagrams/layout1.xml><?xml version="1.0" encoding="utf-8"?>
<dgm:layoutDef xmlns:dgm="http://schemas.openxmlformats.org/drawingml/2006/diagram" xmlns:a="http://schemas.openxmlformats.org/drawingml/2006/main" uniqueId="urn:microsoft.com/office/officeart/2008/layout/AlternatingHexagons">
  <dgm:title val=""/>
  <dgm:desc val=""/>
  <dgm:catLst>
    <dgm:cat type="list" pri="1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1"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Name0">
    <dgm:varLst>
      <dgm:chMax/>
      <dgm:chPref/>
      <dgm:dir/>
      <dgm:animLvl val="lvl"/>
    </dgm:varLst>
    <dgm:alg type="lin">
      <dgm:param type="linDir" val="fromT"/>
    </dgm:alg>
    <dgm:shape xmlns:r="http://schemas.openxmlformats.org/officeDocument/2006/relationships" r:blip="">
      <dgm:adjLst/>
    </dgm:shape>
    <dgm:constrLst>
      <dgm:constr type="primFontSz" for="des" forName="Parent1" val="65"/>
      <dgm:constr type="primFontSz" for="des" forName="Childtext1" refType="primFontSz" refFor="des" refForName="Parent1" op="lte"/>
      <dgm:constr type="w" for="ch" forName="composite" refType="w"/>
      <dgm:constr type="h" for="ch" forName="composite" refType="h"/>
      <dgm:constr type="h" for="ch" forName="spaceBetweenRectangles" refType="w" refFor="ch" refForName="composite" fact="-0.042"/>
      <dgm:constr type="sp" refType="h" refFor="ch" refForName="composite" op="equ" fact="0.1"/>
    </dgm:constrLst>
    <dgm:forEach name="nodesForEach" axis="ch" ptType="node">
      <dgm:layoutNode name="composite">
        <dgm:alg type="composite">
          <dgm:param type="ar" val="3.6"/>
        </dgm:alg>
        <dgm:shape xmlns:r="http://schemas.openxmlformats.org/officeDocument/2006/relationships" r:blip="">
          <dgm:adjLst/>
        </dgm:shape>
        <dgm:choose name="Name1">
          <dgm:if name="Name2" func="var" arg="dir" op="equ" val="norm">
            <dgm:choose name="Name3">
              <dgm:if name="Name4" axis="self" ptType="node" func="posOdd" op="equ" val="1">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dgm:constr type="h" for="ch" forName="BalanceSpacing" refType="h" fact="0.1"/>
                  <dgm:constr type="l" for="ch" forName="BalanceSpacing1" refType="w" fact="0.69"/>
                  <dgm:constr type="t" for="ch" forName="BalanceSpacing1" refType="h" fact="0.2"/>
                  <dgm:constr type="w" for="ch" forName="BalanceSpacing1" refType="w" fact="0.31"/>
                  <dgm:constr type="h" for="ch" forName="BalanceSpacing1" refType="h" fact="0.6"/>
                </dgm:constrLst>
              </dgm:if>
              <dgm:else name="Name5">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 type="l" for="ch" forName="BalanceSpacing1" refType="w" fact="0"/>
                  <dgm:constr type="t" for="ch" forName="BalanceSpacing1" refType="h" fact="0.2"/>
                  <dgm:constr type="w" for="ch" forName="BalanceSpacing1" refType="w" fact="0.3"/>
                  <dgm:constr type="h" for="ch" forName="BalanceSpacing1" refType="h" fact="0.6"/>
                </dgm:constrLst>
              </dgm:else>
            </dgm:choose>
          </dgm:if>
          <dgm:else name="Name6">
            <dgm:choose name="Name7">
              <dgm:if name="Name8" axis="self" ptType="node" func="posOdd" op="equ" val="1">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Lst>
              </dgm:if>
              <dgm:else name="Name9">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fact="0.18"/>
                  <dgm:constr type="h" for="ch" forName="BalanceSpacing" refType="h"/>
                </dgm:constrLst>
              </dgm:else>
            </dgm:choose>
          </dgm:else>
        </dgm:choose>
        <dgm:layoutNode name="Parent1" styleLbl="node1">
          <dgm:varLst>
            <dgm:chMax val="1"/>
            <dgm:chPref val="1"/>
            <dgm:bulletEnabled val="1"/>
          </dgm:varLst>
          <dgm:alg type="tx"/>
          <dgm:shape xmlns:r="http://schemas.openxmlformats.org/officeDocument/2006/relationships" rot="90" type="hexagon" r:blip="">
            <dgm:adjLst>
              <dgm:adj idx="1" val="0.25"/>
              <dgm:adj idx="2" val="1.154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Childtext1" styleLbl="revTx">
          <dgm:varLst>
            <dgm:chMax val="0"/>
            <dgm:chPref val="0"/>
            <dgm:bulletEnabled val="1"/>
          </dgm:varLst>
          <dgm:choose name="Name10">
            <dgm:if name="Name11" func="var" arg="dir" op="equ" val="norm">
              <dgm:choose name="Name12">
                <dgm:if name="Name13" axis="self" ptType="node" func="posOdd" op="equ" val="1">
                  <dgm:alg type="tx">
                    <dgm:param type="parTxLTRAlign" val="l"/>
                  </dgm:alg>
                </dgm:if>
                <dgm:else name="Name14">
                  <dgm:alg type="tx">
                    <dgm:param type="parTxLTRAlign" val="r"/>
                  </dgm:alg>
                </dgm:else>
              </dgm:choose>
            </dgm:if>
            <dgm:else name="Name15">
              <dgm:choose name="Name16">
                <dgm:if name="Name17" axis="self" ptType="node" func="posOdd" op="equ" val="1">
                  <dgm:alg type="tx">
                    <dgm:param type="parTxLTRAlign" val="r"/>
                  </dgm:alg>
                </dgm:if>
                <dgm:else name="Name18">
                  <dgm:alg type="tx">
                    <dgm:param type="parTxLTRAlign" val="l"/>
                  </dgm:alg>
                </dgm:else>
              </dgm:choose>
            </dgm:else>
          </dgm:choose>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BalanceSpacing">
          <dgm:alg type="sp"/>
          <dgm:shape xmlns:r="http://schemas.openxmlformats.org/officeDocument/2006/relationships" r:blip="">
            <dgm:adjLst/>
          </dgm:shape>
        </dgm:layoutNode>
        <dgm:layoutNode name="BalanceSpacing1">
          <dgm:alg type="sp"/>
          <dgm:shape xmlns:r="http://schemas.openxmlformats.org/officeDocument/2006/relationships" r:blip="">
            <dgm:adjLst/>
          </dgm:shape>
        </dgm:layoutNode>
        <dgm:forEach name="Name19" axis="followSib" ptType="sibTrans" hideLastTrans="0" cnt="1">
          <dgm:layoutNode name="Accent1Text" styleLbl="node1">
            <dgm:alg type="tx"/>
            <dgm:shape xmlns:r="http://schemas.openxmlformats.org/officeDocument/2006/relationships" rot="90" type="hexagon" r:blip="">
              <dgm:adjLst>
                <dgm:adj idx="1" val="0.25"/>
                <dgm:adj idx="2" val="1.1547"/>
              </dgm:adjLst>
            </dgm:shape>
            <dgm:presOf axis="self" ptType="sibTrans"/>
            <dgm:constrLst>
              <dgm:constr type="lMarg"/>
              <dgm:constr type="rMarg"/>
              <dgm:constr type="tMarg"/>
              <dgm:constr type="bMarg"/>
            </dgm:constrLst>
            <dgm:ruleLst>
              <dgm:rule type="primFontSz" val="5" fact="NaN" max="NaN"/>
            </dgm:ruleLst>
          </dgm:layoutNode>
        </dgm:forEach>
      </dgm:layoutNode>
      <dgm:forEach name="Name2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matrix1">
  <dgm:title val=""/>
  <dgm:desc val=""/>
  <dgm:catLst>
    <dgm:cat type="matrix" pri="2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3" destOrd="0"/>
      </dgm:cxnLst>
      <dgm:bg/>
      <dgm:whole/>
    </dgm:dataModel>
  </dgm:styleData>
  <dgm:clrData>
    <dgm:dataModel>
      <dgm:ptLst>
        <dgm:pt modelId="0" type="doc"/>
        <dgm:pt modelId="1"/>
        <dgm:pt modelId="11"/>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3" destOrd="0"/>
      </dgm:cxnLst>
      <dgm:bg/>
      <dgm:whole/>
    </dgm:dataModel>
  </dgm:clrData>
  <dgm:layoutNode name="diagram">
    <dgm:varLst>
      <dgm:chMax val="1"/>
      <dgm:dir/>
      <dgm:animLvl val="ctr"/>
      <dgm:resizeHandles val="exact"/>
    </dgm:varLst>
    <dgm:alg type="composite"/>
    <dgm:shape xmlns:r="http://schemas.openxmlformats.org/officeDocument/2006/relationships" r:blip="">
      <dgm:adjLst/>
    </dgm:shape>
    <dgm:presOf/>
    <dgm:constrLst>
      <dgm:constr type="ctrX" for="ch" forName="matrix" refType="w" fact="0.5"/>
      <dgm:constr type="ctrY" for="ch" forName="matrix" refType="h" fact="0.5"/>
      <dgm:constr type="w" for="ch" forName="matrix" refType="w"/>
      <dgm:constr type="h" for="ch" forName="matrix" refType="h"/>
      <dgm:constr type="ctrX" for="ch" forName="centerTile" refType="w" fact="0.5"/>
      <dgm:constr type="ctrY" for="ch" forName="centerTile" refType="h" fact="0.5"/>
      <dgm:constr type="w" for="ch" forName="centerTile" refType="w" fact="0.3"/>
      <dgm:constr type="h" for="ch" forName="centerTile" refType="h" fact="0.25"/>
      <dgm:constr type="primFontSz" for="des" ptType="node" op="equ" val="65"/>
    </dgm:constrLst>
    <dgm:ruleLst/>
    <dgm:choose name="Name0">
      <dgm:if name="Name1" axis="ch" ptType="node" func="cnt" op="gte" val="1">
        <dgm:layoutNode name="matrix">
          <dgm:alg type="composite"/>
          <dgm:shape xmlns:r="http://schemas.openxmlformats.org/officeDocument/2006/relationships" r:blip="">
            <dgm:adjLst/>
          </dgm:shape>
          <dgm:presOf/>
          <dgm:constrLst>
            <dgm:constr type="l" for="ch" forName="tile1"/>
            <dgm:constr type="t" for="ch" forName="tile1"/>
            <dgm:constr type="r" for="ch" forName="tile1" refType="w" fact="0.5"/>
            <dgm:constr type="b" for="ch" forName="tile1" refType="h" fact="0.5"/>
            <dgm:constr type="l" for="ch" forName="tile1text" refType="l" refFor="ch" refForName="tile1"/>
            <dgm:constr type="t" for="ch" forName="tile1text" refType="t" refFor="ch" refForName="tile1"/>
            <dgm:constr type="w" for="ch" forName="tile1text" refType="w" refFor="ch" refForName="tile1"/>
            <dgm:constr type="h" for="ch" forName="tile1text" refType="h" refFor="ch" refForName="tile1" fact="0.75"/>
            <dgm:constr type="r" for="ch" forName="tile2" refType="w"/>
            <dgm:constr type="t" for="ch" forName="tile2"/>
            <dgm:constr type="l" for="ch" forName="tile2" refType="w" fact="0.5"/>
            <dgm:constr type="b" for="ch" forName="tile2" refType="h" fact="0.5"/>
            <dgm:constr type="r" for="ch" forName="tile2text" refType="r" refFor="ch" refForName="tile2"/>
            <dgm:constr type="t" for="ch" forName="tile2text" refType="t" refFor="ch" refForName="tile2"/>
            <dgm:constr type="w" for="ch" forName="tile2text" refType="w" refFor="ch" refForName="tile2"/>
            <dgm:constr type="h" for="ch" forName="tile2text" refType="h" refFor="ch" refForName="tile2" fact="0.75"/>
            <dgm:constr type="l" for="ch" forName="tile3"/>
            <dgm:constr type="b" for="ch" forName="tile3" refType="h"/>
            <dgm:constr type="r" for="ch" forName="tile3" refType="w" fact="0.5"/>
            <dgm:constr type="t" for="ch" forName="tile3" refType="h" fact="0.5"/>
            <dgm:constr type="l" for="ch" forName="tile3text" refType="l" refFor="ch" refForName="tile3"/>
            <dgm:constr type="b" for="ch" forName="tile3text" refType="b" refFor="ch" refForName="tile3"/>
            <dgm:constr type="w" for="ch" forName="tile3text" refType="w" refFor="ch" refForName="tile3"/>
            <dgm:constr type="h" for="ch" forName="tile3text" refType="h" refFor="ch" refForName="tile3" fact="0.75"/>
            <dgm:constr type="r" for="ch" forName="tile4" refType="w"/>
            <dgm:constr type="b" for="ch" forName="tile4" refType="h"/>
            <dgm:constr type="l" for="ch" forName="tile4" refType="w" fact="0.5"/>
            <dgm:constr type="t" for="ch" forName="tile4" refType="h" fact="0.5"/>
            <dgm:constr type="r" for="ch" forName="tile4text" refType="r" refFor="ch" refForName="tile4"/>
            <dgm:constr type="b" for="ch" forName="tile4text" refType="b" refFor="ch" refForName="tile4"/>
            <dgm:constr type="w" for="ch" forName="tile4text" refType="w" refFor="ch" refForName="tile4"/>
            <dgm:constr type="h" for="ch" forName="tile4text" refType="h" refFor="ch" refForName="tile4" fact="0.75"/>
          </dgm:constrLst>
          <dgm:ruleLst/>
          <dgm:layoutNode name="tile1" styleLbl="node1">
            <dgm:alg type="sp"/>
            <dgm:shape xmlns:r="http://schemas.openxmlformats.org/officeDocument/2006/relationships" rot="270" type="round1Rect" r:blip="">
              <dgm:adjLst/>
            </dgm:shape>
            <dgm:choose name="Name2">
              <dgm:if name="Name3" func="var" arg="dir" op="equ" val="norm">
                <dgm:presOf axis="ch ch desOrSelf" ptType="node node node" st="1 1 1" cnt="1 1 0"/>
              </dgm:if>
              <dgm:else name="Name4">
                <dgm:presOf axis="ch ch desOrSelf" ptType="node node node" st="1 2 1" cnt="1 1 0"/>
              </dgm:else>
            </dgm:choose>
            <dgm:constrLst/>
            <dgm:ruleLst/>
          </dgm:layoutNode>
          <dgm:layoutNode name="tile1text" styleLbl="node1">
            <dgm:varLst>
              <dgm:chMax val="0"/>
              <dgm:chPref val="0"/>
              <dgm:bulletEnabled val="1"/>
            </dgm:varLst>
            <dgm:choose name="Name5">
              <dgm:if name="Name6" axis="root des" func="maxDepth" op="gte" val="3">
                <dgm:alg type="tx">
                  <dgm:param type="txAnchorVert" val="t"/>
                  <dgm:param type="parTxLTRAlign" val="l"/>
                  <dgm:param type="parTxRTLAlign" val="r"/>
                </dgm:alg>
              </dgm:if>
              <dgm:else name="Name7">
                <dgm:alg type="tx"/>
              </dgm:else>
            </dgm:choose>
            <dgm:shape xmlns:r="http://schemas.openxmlformats.org/officeDocument/2006/relationships" rot="270" type="rect" r:blip="" hideGeom="1">
              <dgm:adjLst>
                <dgm:adj idx="1" val="0.2"/>
              </dgm:adjLst>
            </dgm:shape>
            <dgm:choose name="Name8">
              <dgm:if name="Name9" func="var" arg="dir" op="equ" val="norm">
                <dgm:presOf axis="ch ch desOrSelf" ptType="node node node" st="1 1 1" cnt="1 1 0"/>
              </dgm:if>
              <dgm:else name="Name10">
                <dgm:presOf axis="ch ch desOrSelf" ptType="node node node" st="1 2 1" cnt="1 1 0"/>
              </dgm:else>
            </dgm:choose>
            <dgm:constrLst/>
            <dgm:ruleLst>
              <dgm:rule type="primFontSz" val="5" fact="NaN" max="NaN"/>
            </dgm:ruleLst>
          </dgm:layoutNode>
          <dgm:layoutNode name="tile2" styleLbl="node1">
            <dgm:alg type="sp"/>
            <dgm:shape xmlns:r="http://schemas.openxmlformats.org/officeDocument/2006/relationships" type="round1Rect" r:blip="">
              <dgm:adjLst/>
            </dgm:shape>
            <dgm:choose name="Name11">
              <dgm:if name="Name12" func="var" arg="dir" op="equ" val="norm">
                <dgm:presOf axis="ch ch desOrSelf" ptType="node node node" st="1 2 1" cnt="1 1 0"/>
              </dgm:if>
              <dgm:else name="Name13">
                <dgm:presOf axis="ch ch desOrSelf" ptType="node node node" st="1 1 1" cnt="1 1 0"/>
              </dgm:else>
            </dgm:choose>
            <dgm:constrLst/>
            <dgm:ruleLst/>
          </dgm:layoutNode>
          <dgm:layoutNode name="tile2text" styleLbl="node1">
            <dgm:varLst>
              <dgm:chMax val="0"/>
              <dgm:chPref val="0"/>
              <dgm:bulletEnabled val="1"/>
            </dgm:varLst>
            <dgm:choose name="Name14">
              <dgm:if name="Name15" axis="root des" func="maxDepth" op="gte" val="3">
                <dgm:alg type="tx">
                  <dgm:param type="txAnchorVert" val="t"/>
                  <dgm:param type="parTxLTRAlign" val="l"/>
                  <dgm:param type="parTxRTLAlign" val="r"/>
                </dgm:alg>
              </dgm:if>
              <dgm:else name="Name16">
                <dgm:alg type="tx"/>
              </dgm:else>
            </dgm:choose>
            <dgm:shape xmlns:r="http://schemas.openxmlformats.org/officeDocument/2006/relationships" type="rect" r:blip="" hideGeom="1">
              <dgm:adjLst/>
            </dgm:shape>
            <dgm:choose name="Name17">
              <dgm:if name="Name18" func="var" arg="dir" op="equ" val="norm">
                <dgm:presOf axis="ch ch desOrSelf" ptType="node node node" st="1 2 1" cnt="1 1 0"/>
              </dgm:if>
              <dgm:else name="Name19">
                <dgm:presOf axis="ch ch desOrSelf" ptType="node node node" st="1 1 1" cnt="1 1 0"/>
              </dgm:else>
            </dgm:choose>
            <dgm:constrLst/>
            <dgm:ruleLst>
              <dgm:rule type="primFontSz" val="5" fact="NaN" max="NaN"/>
            </dgm:ruleLst>
          </dgm:layoutNode>
          <dgm:layoutNode name="tile3" styleLbl="node1">
            <dgm:alg type="sp"/>
            <dgm:shape xmlns:r="http://schemas.openxmlformats.org/officeDocument/2006/relationships" rot="180" type="round1Rect" r:blip="">
              <dgm:adjLst/>
            </dgm:shape>
            <dgm:choose name="Name20">
              <dgm:if name="Name21" func="var" arg="dir" op="equ" val="norm">
                <dgm:presOf axis="ch ch desOrSelf" ptType="node node node" st="1 3 1" cnt="1 1 0"/>
              </dgm:if>
              <dgm:else name="Name22">
                <dgm:presOf axis="ch ch desOrSelf" ptType="node node node" st="1 4 1" cnt="1 1 0"/>
              </dgm:else>
            </dgm:choose>
            <dgm:constrLst/>
            <dgm:ruleLst/>
          </dgm:layoutNode>
          <dgm:layoutNode name="tile3text" styleLbl="node1">
            <dgm:varLst>
              <dgm:chMax val="0"/>
              <dgm:chPref val="0"/>
              <dgm:bulletEnabled val="1"/>
            </dgm:varLst>
            <dgm:choose name="Name23">
              <dgm:if name="Name24" axis="root des" func="maxDepth" op="gte" val="3">
                <dgm:alg type="tx">
                  <dgm:param type="txAnchorVert" val="t"/>
                  <dgm:param type="parTxLTRAlign" val="l"/>
                  <dgm:param type="parTxRTLAlign" val="r"/>
                </dgm:alg>
              </dgm:if>
              <dgm:else name="Name25">
                <dgm:alg type="tx"/>
              </dgm:else>
            </dgm:choose>
            <dgm:shape xmlns:r="http://schemas.openxmlformats.org/officeDocument/2006/relationships" rot="180" type="rect" r:blip="" hideGeom="1">
              <dgm:adjLst/>
            </dgm:shape>
            <dgm:choose name="Name26">
              <dgm:if name="Name27" func="var" arg="dir" op="equ" val="norm">
                <dgm:presOf axis="ch ch desOrSelf" ptType="node node node" st="1 3 1" cnt="1 1 0"/>
              </dgm:if>
              <dgm:else name="Name28">
                <dgm:presOf axis="ch ch desOrSelf" ptType="node node node" st="1 4 1" cnt="1 1 0"/>
              </dgm:else>
            </dgm:choose>
            <dgm:constrLst/>
            <dgm:ruleLst>
              <dgm:rule type="primFontSz" val="5" fact="NaN" max="NaN"/>
            </dgm:ruleLst>
          </dgm:layoutNode>
          <dgm:layoutNode name="tile4" styleLbl="node1">
            <dgm:alg type="sp"/>
            <dgm:shape xmlns:r="http://schemas.openxmlformats.org/officeDocument/2006/relationships" rot="90" type="round1Rect" r:blip="">
              <dgm:adjLst/>
            </dgm:shape>
            <dgm:choose name="Name29">
              <dgm:if name="Name30" func="var" arg="dir" op="equ" val="norm">
                <dgm:presOf axis="ch ch desOrSelf" ptType="node node node" st="1 4 1" cnt="1 1 0"/>
              </dgm:if>
              <dgm:else name="Name31">
                <dgm:presOf axis="ch ch desOrSelf" ptType="node node node" st="1 3 1" cnt="1 1 0"/>
              </dgm:else>
            </dgm:choose>
            <dgm:constrLst/>
            <dgm:ruleLst/>
          </dgm:layoutNode>
          <dgm:layoutNode name="tile4text" styleLbl="node1">
            <dgm:varLst>
              <dgm:chMax val="0"/>
              <dgm:chPref val="0"/>
              <dgm:bulletEnabled val="1"/>
            </dgm:varLst>
            <dgm:choose name="Name32">
              <dgm:if name="Name33" axis="root des" func="maxDepth" op="gte" val="3">
                <dgm:alg type="tx">
                  <dgm:param type="txAnchorVert" val="t"/>
                  <dgm:param type="parTxLTRAlign" val="l"/>
                  <dgm:param type="parTxRTLAlign" val="r"/>
                </dgm:alg>
              </dgm:if>
              <dgm:else name="Name34">
                <dgm:alg type="tx"/>
              </dgm:else>
            </dgm:choose>
            <dgm:shape xmlns:r="http://schemas.openxmlformats.org/officeDocument/2006/relationships" rot="90" type="rect" r:blip="" hideGeom="1">
              <dgm:adjLst/>
            </dgm:shape>
            <dgm:choose name="Name35">
              <dgm:if name="Name36" func="var" arg="dir" op="equ" val="norm">
                <dgm:presOf axis="ch ch desOrSelf" ptType="node node node" st="1 4 1" cnt="1 1 0"/>
              </dgm:if>
              <dgm:else name="Name37">
                <dgm:presOf axis="ch ch desOrSelf" ptType="node node node" st="1 3 1" cnt="1 1 0"/>
              </dgm:else>
            </dgm:choose>
            <dgm:constrLst/>
            <dgm:ruleLst>
              <dgm:rule type="primFontSz" val="5" fact="NaN" max="NaN"/>
            </dgm:ruleLst>
          </dgm:layoutNode>
        </dgm:layoutNode>
        <dgm:layoutNode name="centerTile" styleLbl="fgShp">
          <dgm:varLst>
            <dgm:chMax val="0"/>
            <dgm:chPref val="0"/>
          </dgm:varLst>
          <dgm:alg type="tx"/>
          <dgm:shape xmlns:r="http://schemas.openxmlformats.org/officeDocument/2006/relationships" type="roundRect" r:blip="">
            <dgm:adjLst/>
          </dgm:shape>
          <dgm:presOf axis="ch" ptType="node" cnt="1"/>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38"/>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6002852C-DDF8-46BE-AD35-5F125FE529EB}" type="datetimeFigureOut">
              <a:rPr lang="en-GB" smtClean="0"/>
              <a:t>28/03/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B25DAD1-A102-4FDC-AE7E-5C440D45910C}" type="slidenum">
              <a:rPr lang="en-GB" smtClean="0"/>
              <a:t>‹#›</a:t>
            </a:fld>
            <a:endParaRPr lang="en-GB"/>
          </a:p>
        </p:txBody>
      </p:sp>
    </p:spTree>
    <p:extLst>
      <p:ext uri="{BB962C8B-B14F-4D97-AF65-F5344CB8AC3E}">
        <p14:creationId xmlns:p14="http://schemas.microsoft.com/office/powerpoint/2010/main" val="164141255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a:p>
            <a:endParaRPr lang="en-GB" dirty="0"/>
          </a:p>
        </p:txBody>
      </p:sp>
      <p:sp>
        <p:nvSpPr>
          <p:cNvPr id="4" name="Slide Number Placeholder 3"/>
          <p:cNvSpPr>
            <a:spLocks noGrp="1"/>
          </p:cNvSpPr>
          <p:nvPr>
            <p:ph type="sldNum" sz="quarter" idx="5"/>
          </p:nvPr>
        </p:nvSpPr>
        <p:spPr/>
        <p:txBody>
          <a:bodyPr/>
          <a:lstStyle/>
          <a:p>
            <a:fld id="{7B25DAD1-A102-4FDC-AE7E-5C440D45910C}" type="slidenum">
              <a:rPr lang="en-GB" smtClean="0"/>
              <a:t>1</a:t>
            </a:fld>
            <a:endParaRPr lang="en-GB"/>
          </a:p>
        </p:txBody>
      </p:sp>
    </p:spTree>
    <p:extLst>
      <p:ext uri="{BB962C8B-B14F-4D97-AF65-F5344CB8AC3E}">
        <p14:creationId xmlns:p14="http://schemas.microsoft.com/office/powerpoint/2010/main" val="240637875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7B25DAD1-A102-4FDC-AE7E-5C440D45910C}" type="slidenum">
              <a:rPr lang="en-GB" smtClean="0"/>
              <a:t>2</a:t>
            </a:fld>
            <a:endParaRPr lang="en-GB"/>
          </a:p>
        </p:txBody>
      </p:sp>
    </p:spTree>
    <p:extLst>
      <p:ext uri="{BB962C8B-B14F-4D97-AF65-F5344CB8AC3E}">
        <p14:creationId xmlns:p14="http://schemas.microsoft.com/office/powerpoint/2010/main" val="424564682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a:p>
            <a:endParaRPr lang="en-GB" dirty="0"/>
          </a:p>
        </p:txBody>
      </p:sp>
      <p:sp>
        <p:nvSpPr>
          <p:cNvPr id="4" name="Slide Number Placeholder 3"/>
          <p:cNvSpPr>
            <a:spLocks noGrp="1"/>
          </p:cNvSpPr>
          <p:nvPr>
            <p:ph type="sldNum" sz="quarter" idx="5"/>
          </p:nvPr>
        </p:nvSpPr>
        <p:spPr/>
        <p:txBody>
          <a:bodyPr/>
          <a:lstStyle/>
          <a:p>
            <a:fld id="{7B25DAD1-A102-4FDC-AE7E-5C440D45910C}" type="slidenum">
              <a:rPr lang="en-GB" smtClean="0"/>
              <a:t>3</a:t>
            </a:fld>
            <a:endParaRPr lang="en-GB"/>
          </a:p>
        </p:txBody>
      </p:sp>
    </p:spTree>
    <p:extLst>
      <p:ext uri="{BB962C8B-B14F-4D97-AF65-F5344CB8AC3E}">
        <p14:creationId xmlns:p14="http://schemas.microsoft.com/office/powerpoint/2010/main" val="228529595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7B25DAD1-A102-4FDC-AE7E-5C440D45910C}" type="slidenum">
              <a:rPr lang="en-GB" smtClean="0"/>
              <a:t>4</a:t>
            </a:fld>
            <a:endParaRPr lang="en-GB"/>
          </a:p>
        </p:txBody>
      </p:sp>
    </p:spTree>
    <p:extLst>
      <p:ext uri="{BB962C8B-B14F-4D97-AF65-F5344CB8AC3E}">
        <p14:creationId xmlns:p14="http://schemas.microsoft.com/office/powerpoint/2010/main" val="393345910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7B25DAD1-A102-4FDC-AE7E-5C440D45910C}" type="slidenum">
              <a:rPr lang="en-GB" smtClean="0"/>
              <a:t>5</a:t>
            </a:fld>
            <a:endParaRPr lang="en-GB"/>
          </a:p>
        </p:txBody>
      </p:sp>
    </p:spTree>
    <p:extLst>
      <p:ext uri="{BB962C8B-B14F-4D97-AF65-F5344CB8AC3E}">
        <p14:creationId xmlns:p14="http://schemas.microsoft.com/office/powerpoint/2010/main" val="325353287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7B25DAD1-A102-4FDC-AE7E-5C440D45910C}" type="slidenum">
              <a:rPr lang="en-GB" smtClean="0"/>
              <a:t>6</a:t>
            </a:fld>
            <a:endParaRPr lang="en-GB"/>
          </a:p>
        </p:txBody>
      </p:sp>
    </p:spTree>
    <p:extLst>
      <p:ext uri="{BB962C8B-B14F-4D97-AF65-F5344CB8AC3E}">
        <p14:creationId xmlns:p14="http://schemas.microsoft.com/office/powerpoint/2010/main" val="177241766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7B25DAD1-A102-4FDC-AE7E-5C440D45910C}" type="slidenum">
              <a:rPr lang="en-GB" smtClean="0"/>
              <a:t>8</a:t>
            </a:fld>
            <a:endParaRPr lang="en-GB"/>
          </a:p>
        </p:txBody>
      </p:sp>
    </p:spTree>
    <p:extLst>
      <p:ext uri="{BB962C8B-B14F-4D97-AF65-F5344CB8AC3E}">
        <p14:creationId xmlns:p14="http://schemas.microsoft.com/office/powerpoint/2010/main" val="341436846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7B25DAD1-A102-4FDC-AE7E-5C440D45910C}" type="slidenum">
              <a:rPr lang="en-GB" smtClean="0"/>
              <a:t>10</a:t>
            </a:fld>
            <a:endParaRPr lang="en-GB"/>
          </a:p>
        </p:txBody>
      </p:sp>
    </p:spTree>
    <p:extLst>
      <p:ext uri="{BB962C8B-B14F-4D97-AF65-F5344CB8AC3E}">
        <p14:creationId xmlns:p14="http://schemas.microsoft.com/office/powerpoint/2010/main" val="47065871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7B25DAD1-A102-4FDC-AE7E-5C440D45910C}" type="slidenum">
              <a:rPr lang="en-GB" smtClean="0"/>
              <a:t>11</a:t>
            </a:fld>
            <a:endParaRPr lang="en-GB"/>
          </a:p>
        </p:txBody>
      </p:sp>
    </p:spTree>
    <p:extLst>
      <p:ext uri="{BB962C8B-B14F-4D97-AF65-F5344CB8AC3E}">
        <p14:creationId xmlns:p14="http://schemas.microsoft.com/office/powerpoint/2010/main" val="136883710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44314E-93F7-4A24-B0C3-E7D40C09C44F}"/>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F5BD3452-5947-4699-A0E6-8498967D8F08}"/>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6D38BC8D-94F7-4492-9141-C9018FD8A939}"/>
              </a:ext>
            </a:extLst>
          </p:cNvPr>
          <p:cNvSpPr>
            <a:spLocks noGrp="1"/>
          </p:cNvSpPr>
          <p:nvPr>
            <p:ph type="dt" sz="half" idx="10"/>
          </p:nvPr>
        </p:nvSpPr>
        <p:spPr/>
        <p:txBody>
          <a:bodyPr/>
          <a:lstStyle/>
          <a:p>
            <a:fld id="{DC73A3D5-AFD7-43E6-8FEC-609DCEE6D911}" type="datetimeFigureOut">
              <a:rPr lang="en-GB" smtClean="0"/>
              <a:t>28/03/2023</a:t>
            </a:fld>
            <a:endParaRPr lang="en-GB"/>
          </a:p>
        </p:txBody>
      </p:sp>
      <p:sp>
        <p:nvSpPr>
          <p:cNvPr id="5" name="Footer Placeholder 4">
            <a:extLst>
              <a:ext uri="{FF2B5EF4-FFF2-40B4-BE49-F238E27FC236}">
                <a16:creationId xmlns:a16="http://schemas.microsoft.com/office/drawing/2014/main" id="{EB29F610-D924-452D-A305-5B9491374347}"/>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29D369DE-8C8A-45E6-AEDA-08F2144555C2}"/>
              </a:ext>
            </a:extLst>
          </p:cNvPr>
          <p:cNvSpPr>
            <a:spLocks noGrp="1"/>
          </p:cNvSpPr>
          <p:nvPr>
            <p:ph type="sldNum" sz="quarter" idx="12"/>
          </p:nvPr>
        </p:nvSpPr>
        <p:spPr/>
        <p:txBody>
          <a:bodyPr/>
          <a:lstStyle/>
          <a:p>
            <a:fld id="{833B90EF-71F8-4AF8-8FD4-BC68419AF919}" type="slidenum">
              <a:rPr lang="en-GB" smtClean="0"/>
              <a:t>‹#›</a:t>
            </a:fld>
            <a:endParaRPr lang="en-GB"/>
          </a:p>
        </p:txBody>
      </p:sp>
    </p:spTree>
    <p:extLst>
      <p:ext uri="{BB962C8B-B14F-4D97-AF65-F5344CB8AC3E}">
        <p14:creationId xmlns:p14="http://schemas.microsoft.com/office/powerpoint/2010/main" val="13927773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E957DA-F03B-4BB2-A119-787F308F9DCE}"/>
              </a:ext>
            </a:extLst>
          </p:cNvPr>
          <p:cNvSpPr>
            <a:spLocks noGrp="1"/>
          </p:cNvSpPr>
          <p:nvPr>
            <p:ph type="title"/>
          </p:nvPr>
        </p:nvSpPr>
        <p:spPr/>
        <p:txBody>
          <a:bodyPr/>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953167F5-97FA-4DDE-A01C-44A9C68C3FF9}"/>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40845B04-A25C-493B-911A-C590AF07EAED}"/>
              </a:ext>
            </a:extLst>
          </p:cNvPr>
          <p:cNvSpPr>
            <a:spLocks noGrp="1"/>
          </p:cNvSpPr>
          <p:nvPr>
            <p:ph type="dt" sz="half" idx="10"/>
          </p:nvPr>
        </p:nvSpPr>
        <p:spPr/>
        <p:txBody>
          <a:bodyPr/>
          <a:lstStyle/>
          <a:p>
            <a:fld id="{DC73A3D5-AFD7-43E6-8FEC-609DCEE6D911}" type="datetimeFigureOut">
              <a:rPr lang="en-GB" smtClean="0"/>
              <a:t>28/03/2023</a:t>
            </a:fld>
            <a:endParaRPr lang="en-GB"/>
          </a:p>
        </p:txBody>
      </p:sp>
      <p:sp>
        <p:nvSpPr>
          <p:cNvPr id="5" name="Footer Placeholder 4">
            <a:extLst>
              <a:ext uri="{FF2B5EF4-FFF2-40B4-BE49-F238E27FC236}">
                <a16:creationId xmlns:a16="http://schemas.microsoft.com/office/drawing/2014/main" id="{8437E49E-C9E2-493B-8C61-EFAE12E730ED}"/>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F5C212AA-A5DB-4853-ADF2-06C5EC1C884C}"/>
              </a:ext>
            </a:extLst>
          </p:cNvPr>
          <p:cNvSpPr>
            <a:spLocks noGrp="1"/>
          </p:cNvSpPr>
          <p:nvPr>
            <p:ph type="sldNum" sz="quarter" idx="12"/>
          </p:nvPr>
        </p:nvSpPr>
        <p:spPr/>
        <p:txBody>
          <a:bodyPr/>
          <a:lstStyle/>
          <a:p>
            <a:fld id="{833B90EF-71F8-4AF8-8FD4-BC68419AF919}" type="slidenum">
              <a:rPr lang="en-GB" smtClean="0"/>
              <a:t>‹#›</a:t>
            </a:fld>
            <a:endParaRPr lang="en-GB"/>
          </a:p>
        </p:txBody>
      </p:sp>
    </p:spTree>
    <p:extLst>
      <p:ext uri="{BB962C8B-B14F-4D97-AF65-F5344CB8AC3E}">
        <p14:creationId xmlns:p14="http://schemas.microsoft.com/office/powerpoint/2010/main" val="228135867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DC241E7-ECE7-495B-A43F-F4A35B29D081}"/>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063925BC-29CB-4B33-95B3-8A053EB75DA8}"/>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B248C685-1A43-41F6-912B-E17C090C3E29}"/>
              </a:ext>
            </a:extLst>
          </p:cNvPr>
          <p:cNvSpPr>
            <a:spLocks noGrp="1"/>
          </p:cNvSpPr>
          <p:nvPr>
            <p:ph type="dt" sz="half" idx="10"/>
          </p:nvPr>
        </p:nvSpPr>
        <p:spPr/>
        <p:txBody>
          <a:bodyPr/>
          <a:lstStyle/>
          <a:p>
            <a:fld id="{DC73A3D5-AFD7-43E6-8FEC-609DCEE6D911}" type="datetimeFigureOut">
              <a:rPr lang="en-GB" smtClean="0"/>
              <a:t>28/03/2023</a:t>
            </a:fld>
            <a:endParaRPr lang="en-GB"/>
          </a:p>
        </p:txBody>
      </p:sp>
      <p:sp>
        <p:nvSpPr>
          <p:cNvPr id="5" name="Footer Placeholder 4">
            <a:extLst>
              <a:ext uri="{FF2B5EF4-FFF2-40B4-BE49-F238E27FC236}">
                <a16:creationId xmlns:a16="http://schemas.microsoft.com/office/drawing/2014/main" id="{FD1F1306-6A00-46DF-B22F-7C8CFA1258D9}"/>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4AA1BC19-E895-4314-A850-963BCF3C9C00}"/>
              </a:ext>
            </a:extLst>
          </p:cNvPr>
          <p:cNvSpPr>
            <a:spLocks noGrp="1"/>
          </p:cNvSpPr>
          <p:nvPr>
            <p:ph type="sldNum" sz="quarter" idx="12"/>
          </p:nvPr>
        </p:nvSpPr>
        <p:spPr/>
        <p:txBody>
          <a:bodyPr/>
          <a:lstStyle/>
          <a:p>
            <a:fld id="{833B90EF-71F8-4AF8-8FD4-BC68419AF919}" type="slidenum">
              <a:rPr lang="en-GB" smtClean="0"/>
              <a:t>‹#›</a:t>
            </a:fld>
            <a:endParaRPr lang="en-GB"/>
          </a:p>
        </p:txBody>
      </p:sp>
    </p:spTree>
    <p:extLst>
      <p:ext uri="{BB962C8B-B14F-4D97-AF65-F5344CB8AC3E}">
        <p14:creationId xmlns:p14="http://schemas.microsoft.com/office/powerpoint/2010/main" val="335257070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TITLE SLIDE 1">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61D6F378-E385-254D-BD86-F82B62470E2C}"/>
              </a:ext>
            </a:extLst>
          </p:cNvPr>
          <p:cNvPicPr>
            <a:picLocks noChangeAspect="1"/>
          </p:cNvPicPr>
          <p:nvPr userDrawn="1"/>
        </p:nvPicPr>
        <p:blipFill>
          <a:blip r:embed="rId2"/>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3BAC5FEE-2A32-484F-BB72-090951A93DB5}"/>
              </a:ext>
            </a:extLst>
          </p:cNvPr>
          <p:cNvSpPr>
            <a:spLocks noGrp="1"/>
          </p:cNvSpPr>
          <p:nvPr>
            <p:ph type="ctrTitle" hasCustomPrompt="1"/>
          </p:nvPr>
        </p:nvSpPr>
        <p:spPr>
          <a:xfrm>
            <a:off x="2074507" y="4771848"/>
            <a:ext cx="6220407" cy="1377027"/>
          </a:xfrm>
          <a:solidFill>
            <a:srgbClr val="68A495"/>
          </a:solidFill>
          <a:ln>
            <a:noFill/>
          </a:ln>
        </p:spPr>
        <p:txBody>
          <a:bodyPr lIns="288000" anchor="ctr">
            <a:normAutofit/>
          </a:bodyPr>
          <a:lstStyle>
            <a:lvl1pPr algn="l">
              <a:lnSpc>
                <a:spcPct val="150000"/>
              </a:lnSpc>
              <a:defRPr sz="2000">
                <a:solidFill>
                  <a:schemeClr val="bg1"/>
                </a:solidFill>
              </a:defRPr>
            </a:lvl1pPr>
          </a:lstStyle>
          <a:p>
            <a:r>
              <a:rPr lang="en-GB"/>
              <a:t>Presentation title</a:t>
            </a:r>
            <a:br>
              <a:rPr lang="en-GB"/>
            </a:br>
            <a:r>
              <a:rPr lang="en-GB"/>
              <a:t>day month year</a:t>
            </a:r>
            <a:endParaRPr lang="en-US"/>
          </a:p>
        </p:txBody>
      </p:sp>
      <p:pic>
        <p:nvPicPr>
          <p:cNvPr id="10" name="Picture 9" descr="A picture containing text&#10;&#10;Description automatically generated">
            <a:extLst>
              <a:ext uri="{FF2B5EF4-FFF2-40B4-BE49-F238E27FC236}">
                <a16:creationId xmlns:a16="http://schemas.microsoft.com/office/drawing/2014/main" id="{7A2AB28D-4815-964D-A608-339A3389EBED}"/>
              </a:ext>
            </a:extLst>
          </p:cNvPr>
          <p:cNvPicPr>
            <a:picLocks noChangeAspect="1"/>
          </p:cNvPicPr>
          <p:nvPr userDrawn="1"/>
        </p:nvPicPr>
        <p:blipFill>
          <a:blip r:embed="rId3"/>
          <a:stretch>
            <a:fillRect/>
          </a:stretch>
        </p:blipFill>
        <p:spPr>
          <a:xfrm>
            <a:off x="1975628" y="666830"/>
            <a:ext cx="5007702" cy="3326671"/>
          </a:xfrm>
          <a:prstGeom prst="rect">
            <a:avLst/>
          </a:prstGeom>
        </p:spPr>
      </p:pic>
    </p:spTree>
    <p:extLst>
      <p:ext uri="{BB962C8B-B14F-4D97-AF65-F5344CB8AC3E}">
        <p14:creationId xmlns:p14="http://schemas.microsoft.com/office/powerpoint/2010/main" val="255421259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CONTENT SLIDE HEAD &amp; SUB HEA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F6AEC17-3017-2746-AC9B-13844B8144CE}"/>
              </a:ext>
            </a:extLst>
          </p:cNvPr>
          <p:cNvSpPr>
            <a:spLocks noGrp="1"/>
          </p:cNvSpPr>
          <p:nvPr>
            <p:ph type="ctrTitle"/>
          </p:nvPr>
        </p:nvSpPr>
        <p:spPr>
          <a:xfrm>
            <a:off x="2345094" y="1682200"/>
            <a:ext cx="9144000" cy="678445"/>
          </a:xfrm>
          <a:prstGeom prst="rect">
            <a:avLst/>
          </a:prstGeom>
        </p:spPr>
        <p:txBody>
          <a:bodyPr anchor="t">
            <a:normAutofit/>
          </a:bodyPr>
          <a:lstStyle>
            <a:lvl1pPr algn="l">
              <a:defRPr sz="2000"/>
            </a:lvl1pPr>
          </a:lstStyle>
          <a:p>
            <a:r>
              <a:rPr lang="en-GB"/>
              <a:t>Click to edit Master title style</a:t>
            </a:r>
            <a:endParaRPr lang="en-US"/>
          </a:p>
        </p:txBody>
      </p:sp>
      <p:sp>
        <p:nvSpPr>
          <p:cNvPr id="3" name="Subtitle 2">
            <a:extLst>
              <a:ext uri="{FF2B5EF4-FFF2-40B4-BE49-F238E27FC236}">
                <a16:creationId xmlns:a16="http://schemas.microsoft.com/office/drawing/2014/main" id="{820AF813-1A5A-5845-9C1D-263E7BA96894}"/>
              </a:ext>
            </a:extLst>
          </p:cNvPr>
          <p:cNvSpPr>
            <a:spLocks noGrp="1"/>
          </p:cNvSpPr>
          <p:nvPr>
            <p:ph type="subTitle" idx="1"/>
          </p:nvPr>
        </p:nvSpPr>
        <p:spPr>
          <a:xfrm>
            <a:off x="2345094" y="2668976"/>
            <a:ext cx="9144000" cy="678445"/>
          </a:xfrm>
        </p:spPr>
        <p:txBody>
          <a:bodyPr>
            <a:normAutofit/>
          </a:bodyPr>
          <a:lstStyle>
            <a:lvl1pPr marL="0" indent="0" algn="l">
              <a:buNone/>
              <a:defRPr sz="1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endParaRPr lang="en-US"/>
          </a:p>
        </p:txBody>
      </p:sp>
    </p:spTree>
    <p:extLst>
      <p:ext uri="{BB962C8B-B14F-4D97-AF65-F5344CB8AC3E}">
        <p14:creationId xmlns:p14="http://schemas.microsoft.com/office/powerpoint/2010/main" val="178838134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HEADERS &amp; 1 COL TEXT">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F6E9CF64-1AA4-6841-B4E1-6D2EC96C902D}"/>
              </a:ext>
            </a:extLst>
          </p:cNvPr>
          <p:cNvSpPr>
            <a:spLocks noGrp="1"/>
          </p:cNvSpPr>
          <p:nvPr>
            <p:ph type="ctrTitle"/>
          </p:nvPr>
        </p:nvSpPr>
        <p:spPr>
          <a:xfrm>
            <a:off x="2345094" y="1682200"/>
            <a:ext cx="7554686" cy="678445"/>
          </a:xfrm>
          <a:prstGeom prst="rect">
            <a:avLst/>
          </a:prstGeom>
        </p:spPr>
        <p:txBody>
          <a:bodyPr anchor="t">
            <a:normAutofit/>
          </a:bodyPr>
          <a:lstStyle>
            <a:lvl1pPr algn="l">
              <a:defRPr sz="2000"/>
            </a:lvl1pPr>
          </a:lstStyle>
          <a:p>
            <a:r>
              <a:rPr lang="en-GB"/>
              <a:t>Click to edit Master title style</a:t>
            </a:r>
            <a:endParaRPr lang="en-US"/>
          </a:p>
        </p:txBody>
      </p:sp>
      <p:sp>
        <p:nvSpPr>
          <p:cNvPr id="9" name="Subtitle 2">
            <a:extLst>
              <a:ext uri="{FF2B5EF4-FFF2-40B4-BE49-F238E27FC236}">
                <a16:creationId xmlns:a16="http://schemas.microsoft.com/office/drawing/2014/main" id="{7E624306-26B4-1743-8FFF-3183267B65AB}"/>
              </a:ext>
            </a:extLst>
          </p:cNvPr>
          <p:cNvSpPr>
            <a:spLocks noGrp="1"/>
          </p:cNvSpPr>
          <p:nvPr>
            <p:ph type="subTitle" idx="1" hasCustomPrompt="1"/>
          </p:nvPr>
        </p:nvSpPr>
        <p:spPr>
          <a:xfrm>
            <a:off x="2345094" y="2668976"/>
            <a:ext cx="7554686" cy="2761440"/>
          </a:xfrm>
        </p:spPr>
        <p:txBody>
          <a:bodyPr>
            <a:normAutofit/>
          </a:bodyPr>
          <a:lstStyle>
            <a:lvl1pPr marL="0" indent="0" algn="l">
              <a:lnSpc>
                <a:spcPct val="150000"/>
              </a:lnSpc>
              <a:buNone/>
              <a:defRPr sz="10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Lorem ipsum dolor sit </a:t>
            </a:r>
            <a:r>
              <a:rPr lang="en-US" err="1"/>
              <a:t>amet</a:t>
            </a:r>
            <a:r>
              <a:rPr lang="en-US"/>
              <a:t>, </a:t>
            </a:r>
            <a:r>
              <a:rPr lang="en-US" err="1"/>
              <a:t>eos</a:t>
            </a:r>
            <a:r>
              <a:rPr lang="en-US"/>
              <a:t> </a:t>
            </a:r>
            <a:r>
              <a:rPr lang="en-US" err="1"/>
              <a:t>inani</a:t>
            </a:r>
            <a:r>
              <a:rPr lang="en-US"/>
              <a:t> facete option id, </a:t>
            </a:r>
            <a:r>
              <a:rPr lang="en-US" err="1"/>
              <a:t>vix</a:t>
            </a:r>
            <a:r>
              <a:rPr lang="en-US"/>
              <a:t> an </a:t>
            </a:r>
            <a:r>
              <a:rPr lang="en-US" err="1"/>
              <a:t>laudem</a:t>
            </a:r>
            <a:r>
              <a:rPr lang="en-US"/>
              <a:t> nostrum </a:t>
            </a:r>
            <a:r>
              <a:rPr lang="en-US" err="1"/>
              <a:t>reprehendunt</a:t>
            </a:r>
            <a:r>
              <a:rPr lang="en-US"/>
              <a:t>. </a:t>
            </a:r>
            <a:r>
              <a:rPr lang="en-US" err="1"/>
              <a:t>Aperiam</a:t>
            </a:r>
            <a:r>
              <a:rPr lang="en-US"/>
              <a:t> </a:t>
            </a:r>
            <a:r>
              <a:rPr lang="en-US" err="1"/>
              <a:t>propriae</a:t>
            </a:r>
            <a:r>
              <a:rPr lang="en-US"/>
              <a:t> </a:t>
            </a:r>
            <a:r>
              <a:rPr lang="en-US" err="1"/>
              <a:t>ei</a:t>
            </a:r>
            <a:r>
              <a:rPr lang="en-US"/>
              <a:t> </a:t>
            </a:r>
            <a:r>
              <a:rPr lang="en-US" err="1"/>
              <a:t>eum</a:t>
            </a:r>
            <a:r>
              <a:rPr lang="en-US"/>
              <a:t>, vim facilis </a:t>
            </a:r>
            <a:r>
              <a:rPr lang="en-US" err="1"/>
              <a:t>recusabo</a:t>
            </a:r>
            <a:r>
              <a:rPr lang="en-US"/>
              <a:t> at. Vel at </a:t>
            </a:r>
            <a:r>
              <a:rPr lang="en-US" err="1"/>
              <a:t>vivendum</a:t>
            </a:r>
            <a:r>
              <a:rPr lang="en-US"/>
              <a:t> </a:t>
            </a:r>
            <a:r>
              <a:rPr lang="en-US" err="1"/>
              <a:t>electram</a:t>
            </a:r>
            <a:r>
              <a:rPr lang="en-US"/>
              <a:t>, </a:t>
            </a:r>
            <a:r>
              <a:rPr lang="en-US" err="1"/>
              <a:t>ius</a:t>
            </a:r>
            <a:r>
              <a:rPr lang="en-US"/>
              <a:t> nihil </a:t>
            </a:r>
            <a:r>
              <a:rPr lang="en-US" err="1"/>
              <a:t>labores</a:t>
            </a:r>
            <a:r>
              <a:rPr lang="en-US"/>
              <a:t> ea. Ut </a:t>
            </a:r>
            <a:r>
              <a:rPr lang="en-US" err="1"/>
              <a:t>falli</a:t>
            </a:r>
            <a:r>
              <a:rPr lang="en-US"/>
              <a:t> </a:t>
            </a:r>
            <a:r>
              <a:rPr lang="en-US" err="1"/>
              <a:t>prodesset</a:t>
            </a:r>
            <a:r>
              <a:rPr lang="en-US"/>
              <a:t> </a:t>
            </a:r>
            <a:r>
              <a:rPr lang="en-US" err="1"/>
              <a:t>eum</a:t>
            </a:r>
            <a:r>
              <a:rPr lang="en-US"/>
              <a:t>. At duo </a:t>
            </a:r>
            <a:r>
              <a:rPr lang="en-US" err="1"/>
              <a:t>rebum</a:t>
            </a:r>
            <a:r>
              <a:rPr lang="en-US"/>
              <a:t> </a:t>
            </a:r>
            <a:r>
              <a:rPr lang="en-US" err="1"/>
              <a:t>epicurei</a:t>
            </a:r>
            <a:r>
              <a:rPr lang="en-US"/>
              <a:t> </a:t>
            </a:r>
            <a:r>
              <a:rPr lang="en-US" err="1"/>
              <a:t>aliquando</a:t>
            </a:r>
            <a:r>
              <a:rPr lang="en-US"/>
              <a:t>.</a:t>
            </a:r>
          </a:p>
          <a:p>
            <a:r>
              <a:rPr lang="en-US"/>
              <a:t>An per </a:t>
            </a:r>
            <a:r>
              <a:rPr lang="en-US" err="1"/>
              <a:t>vero</a:t>
            </a:r>
            <a:r>
              <a:rPr lang="en-US"/>
              <a:t> </a:t>
            </a:r>
            <a:r>
              <a:rPr lang="en-US" err="1"/>
              <a:t>tempor</a:t>
            </a:r>
            <a:r>
              <a:rPr lang="en-US"/>
              <a:t>, </a:t>
            </a:r>
            <a:r>
              <a:rPr lang="en-US" err="1"/>
              <a:t>ornatus</a:t>
            </a:r>
            <a:r>
              <a:rPr lang="en-US"/>
              <a:t> </a:t>
            </a:r>
            <a:r>
              <a:rPr lang="en-US" err="1"/>
              <a:t>epicurei</a:t>
            </a:r>
            <a:r>
              <a:rPr lang="en-US"/>
              <a:t> </a:t>
            </a:r>
            <a:r>
              <a:rPr lang="en-US" err="1"/>
              <a:t>intellegam</a:t>
            </a:r>
            <a:r>
              <a:rPr lang="en-US"/>
              <a:t> </a:t>
            </a:r>
            <a:r>
              <a:rPr lang="en-US" err="1"/>
              <a:t>te</a:t>
            </a:r>
            <a:r>
              <a:rPr lang="en-US"/>
              <a:t> usu. Eu </a:t>
            </a:r>
            <a:r>
              <a:rPr lang="en-US" err="1"/>
              <a:t>eos</a:t>
            </a:r>
            <a:r>
              <a:rPr lang="en-US"/>
              <a:t> populo </a:t>
            </a:r>
            <a:r>
              <a:rPr lang="en-US" err="1"/>
              <a:t>moderatius</a:t>
            </a:r>
            <a:r>
              <a:rPr lang="en-US"/>
              <a:t> </a:t>
            </a:r>
            <a:r>
              <a:rPr lang="en-US" err="1"/>
              <a:t>reprimique</a:t>
            </a:r>
            <a:r>
              <a:rPr lang="en-US"/>
              <a:t>, id sit </a:t>
            </a:r>
            <a:r>
              <a:rPr lang="en-US" err="1"/>
              <a:t>officiis</a:t>
            </a:r>
            <a:r>
              <a:rPr lang="en-US"/>
              <a:t> </a:t>
            </a:r>
            <a:r>
              <a:rPr lang="en-US" err="1"/>
              <a:t>gubergren</a:t>
            </a:r>
            <a:r>
              <a:rPr lang="en-US"/>
              <a:t>, qui </a:t>
            </a:r>
            <a:r>
              <a:rPr lang="en-US" err="1"/>
              <a:t>singulis</a:t>
            </a:r>
            <a:r>
              <a:rPr lang="en-US"/>
              <a:t> </a:t>
            </a:r>
            <a:r>
              <a:rPr lang="en-US" err="1"/>
              <a:t>recteque</a:t>
            </a:r>
            <a:r>
              <a:rPr lang="en-US"/>
              <a:t> </a:t>
            </a:r>
            <a:r>
              <a:rPr lang="en-US" err="1"/>
              <a:t>concludaturque</a:t>
            </a:r>
            <a:r>
              <a:rPr lang="en-US"/>
              <a:t> ad. Doming </a:t>
            </a:r>
            <a:r>
              <a:rPr lang="en-US" err="1"/>
              <a:t>reprimique</a:t>
            </a:r>
            <a:r>
              <a:rPr lang="en-US"/>
              <a:t> </a:t>
            </a:r>
            <a:r>
              <a:rPr lang="en-US" err="1"/>
              <a:t>ei</a:t>
            </a:r>
            <a:r>
              <a:rPr lang="en-US"/>
              <a:t> vis. </a:t>
            </a:r>
            <a:r>
              <a:rPr lang="en-US" err="1"/>
              <a:t>Enim</a:t>
            </a:r>
            <a:r>
              <a:rPr lang="en-US"/>
              <a:t> </a:t>
            </a:r>
            <a:r>
              <a:rPr lang="en-US" err="1"/>
              <a:t>tation</a:t>
            </a:r>
            <a:r>
              <a:rPr lang="en-US"/>
              <a:t> </a:t>
            </a:r>
            <a:r>
              <a:rPr lang="en-US" err="1"/>
              <a:t>ridens</a:t>
            </a:r>
            <a:r>
              <a:rPr lang="en-US"/>
              <a:t> </a:t>
            </a:r>
            <a:r>
              <a:rPr lang="en-US" err="1"/>
              <a:t>ius</a:t>
            </a:r>
            <a:r>
              <a:rPr lang="en-US"/>
              <a:t> an, id lorem </a:t>
            </a:r>
            <a:r>
              <a:rPr lang="en-US" err="1"/>
              <a:t>ullum</a:t>
            </a:r>
            <a:r>
              <a:rPr lang="en-US"/>
              <a:t> </a:t>
            </a:r>
            <a:r>
              <a:rPr lang="en-US" err="1"/>
              <a:t>iusto</a:t>
            </a:r>
            <a:r>
              <a:rPr lang="en-US"/>
              <a:t> sed, </a:t>
            </a:r>
            <a:r>
              <a:rPr lang="en-US" err="1"/>
              <a:t>ei</a:t>
            </a:r>
            <a:r>
              <a:rPr lang="en-US"/>
              <a:t> per </a:t>
            </a:r>
            <a:r>
              <a:rPr lang="en-US" err="1"/>
              <a:t>natum</a:t>
            </a:r>
            <a:r>
              <a:rPr lang="en-US"/>
              <a:t> </a:t>
            </a:r>
            <a:r>
              <a:rPr lang="en-US" err="1"/>
              <a:t>senserit</a:t>
            </a:r>
            <a:r>
              <a:rPr lang="en-US"/>
              <a:t>. No </a:t>
            </a:r>
            <a:r>
              <a:rPr lang="en-US" err="1"/>
              <a:t>est</a:t>
            </a:r>
            <a:r>
              <a:rPr lang="en-US"/>
              <a:t> </a:t>
            </a:r>
            <a:r>
              <a:rPr lang="en-US" err="1"/>
              <a:t>zril</a:t>
            </a:r>
            <a:r>
              <a:rPr lang="en-US"/>
              <a:t> </a:t>
            </a:r>
            <a:r>
              <a:rPr lang="en-US" err="1"/>
              <a:t>expetenda</a:t>
            </a:r>
            <a:r>
              <a:rPr lang="en-US"/>
              <a:t> </a:t>
            </a:r>
            <a:r>
              <a:rPr lang="en-US" err="1"/>
              <a:t>delicatissimi</a:t>
            </a:r>
            <a:r>
              <a:rPr lang="en-US"/>
              <a:t>, cu </a:t>
            </a:r>
            <a:r>
              <a:rPr lang="en-US" err="1"/>
              <a:t>eligendi</a:t>
            </a:r>
            <a:r>
              <a:rPr lang="en-US"/>
              <a:t> </a:t>
            </a:r>
            <a:r>
              <a:rPr lang="en-US" err="1"/>
              <a:t>tacimates</a:t>
            </a:r>
            <a:r>
              <a:rPr lang="en-US"/>
              <a:t> </a:t>
            </a:r>
            <a:r>
              <a:rPr lang="en-US" err="1"/>
              <a:t>theophrastus</a:t>
            </a:r>
            <a:r>
              <a:rPr lang="en-US"/>
              <a:t> </a:t>
            </a:r>
            <a:r>
              <a:rPr lang="en-US" err="1"/>
              <a:t>vix</a:t>
            </a:r>
            <a:r>
              <a:rPr lang="en-US"/>
              <a:t>.</a:t>
            </a:r>
          </a:p>
        </p:txBody>
      </p:sp>
    </p:spTree>
    <p:extLst>
      <p:ext uri="{BB962C8B-B14F-4D97-AF65-F5344CB8AC3E}">
        <p14:creationId xmlns:p14="http://schemas.microsoft.com/office/powerpoint/2010/main" val="270669015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ENT HEADERS &amp; 2 COL TEXT">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292C5A97-97FB-CA48-AE5F-EA59A19E8458}"/>
              </a:ext>
            </a:extLst>
          </p:cNvPr>
          <p:cNvSpPr>
            <a:spLocks noGrp="1"/>
          </p:cNvSpPr>
          <p:nvPr>
            <p:ph type="ctrTitle"/>
          </p:nvPr>
        </p:nvSpPr>
        <p:spPr>
          <a:xfrm>
            <a:off x="2345094" y="1682200"/>
            <a:ext cx="7703975" cy="678445"/>
          </a:xfrm>
          <a:prstGeom prst="rect">
            <a:avLst/>
          </a:prstGeom>
        </p:spPr>
        <p:txBody>
          <a:bodyPr anchor="t">
            <a:normAutofit/>
          </a:bodyPr>
          <a:lstStyle>
            <a:lvl1pPr algn="l">
              <a:defRPr sz="2000"/>
            </a:lvl1pPr>
          </a:lstStyle>
          <a:p>
            <a:r>
              <a:rPr lang="en-GB"/>
              <a:t>Click to edit Master title style</a:t>
            </a:r>
            <a:endParaRPr lang="en-US"/>
          </a:p>
        </p:txBody>
      </p:sp>
      <p:sp>
        <p:nvSpPr>
          <p:cNvPr id="11" name="Subtitle 2">
            <a:extLst>
              <a:ext uri="{FF2B5EF4-FFF2-40B4-BE49-F238E27FC236}">
                <a16:creationId xmlns:a16="http://schemas.microsoft.com/office/drawing/2014/main" id="{47AD1D97-6651-0246-873E-1A82AD6FC95E}"/>
              </a:ext>
            </a:extLst>
          </p:cNvPr>
          <p:cNvSpPr>
            <a:spLocks noGrp="1"/>
          </p:cNvSpPr>
          <p:nvPr>
            <p:ph type="subTitle" idx="1" hasCustomPrompt="1"/>
          </p:nvPr>
        </p:nvSpPr>
        <p:spPr>
          <a:xfrm>
            <a:off x="2345094" y="2668976"/>
            <a:ext cx="7703975" cy="2005661"/>
          </a:xfrm>
        </p:spPr>
        <p:txBody>
          <a:bodyPr numCol="2" spcCol="360000">
            <a:normAutofit/>
          </a:bodyPr>
          <a:lstStyle>
            <a:lvl1pPr marL="0" indent="0" algn="l">
              <a:lnSpc>
                <a:spcPct val="150000"/>
              </a:lnSpc>
              <a:buNone/>
              <a:defRPr sz="10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Lorem ipsum dolor sit </a:t>
            </a:r>
            <a:r>
              <a:rPr lang="en-US" err="1"/>
              <a:t>amet</a:t>
            </a:r>
            <a:r>
              <a:rPr lang="en-US"/>
              <a:t>, </a:t>
            </a:r>
            <a:r>
              <a:rPr lang="en-US" err="1"/>
              <a:t>eos</a:t>
            </a:r>
            <a:r>
              <a:rPr lang="en-US"/>
              <a:t> </a:t>
            </a:r>
            <a:r>
              <a:rPr lang="en-US" err="1"/>
              <a:t>inani</a:t>
            </a:r>
            <a:r>
              <a:rPr lang="en-US"/>
              <a:t> facete option id, </a:t>
            </a:r>
            <a:r>
              <a:rPr lang="en-US" err="1"/>
              <a:t>vix</a:t>
            </a:r>
            <a:r>
              <a:rPr lang="en-US"/>
              <a:t> an </a:t>
            </a:r>
            <a:r>
              <a:rPr lang="en-US" err="1"/>
              <a:t>laudem</a:t>
            </a:r>
            <a:r>
              <a:rPr lang="en-US"/>
              <a:t> nostrum </a:t>
            </a:r>
            <a:r>
              <a:rPr lang="en-US" err="1"/>
              <a:t>reprehendunt</a:t>
            </a:r>
            <a:r>
              <a:rPr lang="en-US"/>
              <a:t>. </a:t>
            </a:r>
            <a:r>
              <a:rPr lang="en-US" err="1"/>
              <a:t>Aperiam</a:t>
            </a:r>
            <a:r>
              <a:rPr lang="en-US"/>
              <a:t> </a:t>
            </a:r>
            <a:r>
              <a:rPr lang="en-US" err="1"/>
              <a:t>propriae</a:t>
            </a:r>
            <a:r>
              <a:rPr lang="en-US"/>
              <a:t> </a:t>
            </a:r>
            <a:r>
              <a:rPr lang="en-US" err="1"/>
              <a:t>ei</a:t>
            </a:r>
            <a:r>
              <a:rPr lang="en-US"/>
              <a:t> </a:t>
            </a:r>
            <a:r>
              <a:rPr lang="en-US" err="1"/>
              <a:t>eum</a:t>
            </a:r>
            <a:r>
              <a:rPr lang="en-US"/>
              <a:t>, vim facilis </a:t>
            </a:r>
            <a:r>
              <a:rPr lang="en-US" err="1"/>
              <a:t>recusabo</a:t>
            </a:r>
            <a:r>
              <a:rPr lang="en-US"/>
              <a:t> at. Vel at </a:t>
            </a:r>
            <a:r>
              <a:rPr lang="en-US" err="1"/>
              <a:t>vivendum</a:t>
            </a:r>
            <a:r>
              <a:rPr lang="en-US"/>
              <a:t> </a:t>
            </a:r>
            <a:r>
              <a:rPr lang="en-US" err="1"/>
              <a:t>electram</a:t>
            </a:r>
            <a:r>
              <a:rPr lang="en-US"/>
              <a:t>, </a:t>
            </a:r>
            <a:r>
              <a:rPr lang="en-US" err="1"/>
              <a:t>ius</a:t>
            </a:r>
            <a:r>
              <a:rPr lang="en-US"/>
              <a:t> nihil </a:t>
            </a:r>
            <a:r>
              <a:rPr lang="en-US" err="1"/>
              <a:t>labores</a:t>
            </a:r>
            <a:r>
              <a:rPr lang="en-US"/>
              <a:t> ea. Ut </a:t>
            </a:r>
            <a:r>
              <a:rPr lang="en-US" err="1"/>
              <a:t>falli</a:t>
            </a:r>
            <a:r>
              <a:rPr lang="en-US"/>
              <a:t> </a:t>
            </a:r>
            <a:r>
              <a:rPr lang="en-US" err="1"/>
              <a:t>prodesset</a:t>
            </a:r>
            <a:r>
              <a:rPr lang="en-US"/>
              <a:t> </a:t>
            </a:r>
            <a:r>
              <a:rPr lang="en-US" err="1"/>
              <a:t>eum</a:t>
            </a:r>
            <a:r>
              <a:rPr lang="en-US"/>
              <a:t>. At duo </a:t>
            </a:r>
            <a:r>
              <a:rPr lang="en-US" err="1"/>
              <a:t>rebum</a:t>
            </a:r>
            <a:r>
              <a:rPr lang="en-US"/>
              <a:t> </a:t>
            </a:r>
            <a:r>
              <a:rPr lang="en-US" err="1"/>
              <a:t>epicurei</a:t>
            </a:r>
            <a:r>
              <a:rPr lang="en-US"/>
              <a:t> </a:t>
            </a:r>
            <a:r>
              <a:rPr lang="en-US" err="1"/>
              <a:t>aliquando</a:t>
            </a:r>
            <a:r>
              <a:rPr lang="en-US"/>
              <a:t>.</a:t>
            </a:r>
          </a:p>
          <a:p>
            <a:r>
              <a:rPr lang="en-US"/>
              <a:t>An per </a:t>
            </a:r>
            <a:r>
              <a:rPr lang="en-US" err="1"/>
              <a:t>vero</a:t>
            </a:r>
            <a:r>
              <a:rPr lang="en-US"/>
              <a:t> </a:t>
            </a:r>
            <a:r>
              <a:rPr lang="en-US" err="1"/>
              <a:t>tempor</a:t>
            </a:r>
            <a:r>
              <a:rPr lang="en-US"/>
              <a:t>, </a:t>
            </a:r>
            <a:r>
              <a:rPr lang="en-US" err="1"/>
              <a:t>ornatus</a:t>
            </a:r>
            <a:r>
              <a:rPr lang="en-US"/>
              <a:t> </a:t>
            </a:r>
            <a:r>
              <a:rPr lang="en-US" err="1"/>
              <a:t>epicurei</a:t>
            </a:r>
            <a:r>
              <a:rPr lang="en-US"/>
              <a:t> </a:t>
            </a:r>
            <a:r>
              <a:rPr lang="en-US" err="1"/>
              <a:t>intellegam</a:t>
            </a:r>
            <a:r>
              <a:rPr lang="en-US"/>
              <a:t> </a:t>
            </a:r>
            <a:r>
              <a:rPr lang="en-US" err="1"/>
              <a:t>te</a:t>
            </a:r>
            <a:r>
              <a:rPr lang="en-US"/>
              <a:t> usu. Eu </a:t>
            </a:r>
            <a:r>
              <a:rPr lang="en-US" err="1"/>
              <a:t>eos</a:t>
            </a:r>
            <a:r>
              <a:rPr lang="en-US"/>
              <a:t> populo </a:t>
            </a:r>
            <a:r>
              <a:rPr lang="en-US" err="1"/>
              <a:t>moderatius</a:t>
            </a:r>
            <a:r>
              <a:rPr lang="en-US"/>
              <a:t> </a:t>
            </a:r>
            <a:r>
              <a:rPr lang="en-US" err="1"/>
              <a:t>reprimique</a:t>
            </a:r>
            <a:r>
              <a:rPr lang="en-US"/>
              <a:t>, id sit </a:t>
            </a:r>
            <a:r>
              <a:rPr lang="en-US" err="1"/>
              <a:t>officiis</a:t>
            </a:r>
            <a:r>
              <a:rPr lang="en-US"/>
              <a:t> </a:t>
            </a:r>
            <a:r>
              <a:rPr lang="en-US" err="1"/>
              <a:t>gubergren</a:t>
            </a:r>
            <a:r>
              <a:rPr lang="en-US"/>
              <a:t>, qui </a:t>
            </a:r>
            <a:r>
              <a:rPr lang="en-US" err="1"/>
              <a:t>singulis</a:t>
            </a:r>
            <a:r>
              <a:rPr lang="en-US"/>
              <a:t> </a:t>
            </a:r>
            <a:r>
              <a:rPr lang="en-US" err="1"/>
              <a:t>recteque</a:t>
            </a:r>
            <a:r>
              <a:rPr lang="en-US"/>
              <a:t> </a:t>
            </a:r>
            <a:r>
              <a:rPr lang="en-US" err="1"/>
              <a:t>concludaturque</a:t>
            </a:r>
            <a:r>
              <a:rPr lang="en-US"/>
              <a:t> ad. Doming </a:t>
            </a:r>
            <a:r>
              <a:rPr lang="en-US" err="1"/>
              <a:t>reprimique</a:t>
            </a:r>
            <a:r>
              <a:rPr lang="en-US"/>
              <a:t> </a:t>
            </a:r>
            <a:r>
              <a:rPr lang="en-US" err="1"/>
              <a:t>ei</a:t>
            </a:r>
            <a:r>
              <a:rPr lang="en-US"/>
              <a:t> vis. </a:t>
            </a:r>
            <a:r>
              <a:rPr lang="en-US" err="1"/>
              <a:t>Enim</a:t>
            </a:r>
            <a:r>
              <a:rPr lang="en-US"/>
              <a:t> </a:t>
            </a:r>
            <a:r>
              <a:rPr lang="en-US" err="1"/>
              <a:t>tation</a:t>
            </a:r>
            <a:r>
              <a:rPr lang="en-US"/>
              <a:t> </a:t>
            </a:r>
            <a:r>
              <a:rPr lang="en-US" err="1"/>
              <a:t>ridens</a:t>
            </a:r>
            <a:r>
              <a:rPr lang="en-US"/>
              <a:t> </a:t>
            </a:r>
            <a:r>
              <a:rPr lang="en-US" err="1"/>
              <a:t>ius</a:t>
            </a:r>
            <a:r>
              <a:rPr lang="en-US"/>
              <a:t> an, id lorem </a:t>
            </a:r>
            <a:r>
              <a:rPr lang="en-US" err="1"/>
              <a:t>ullum</a:t>
            </a:r>
            <a:r>
              <a:rPr lang="en-US"/>
              <a:t> </a:t>
            </a:r>
            <a:r>
              <a:rPr lang="en-US" err="1"/>
              <a:t>iusto</a:t>
            </a:r>
            <a:r>
              <a:rPr lang="en-US"/>
              <a:t> sed, </a:t>
            </a:r>
            <a:r>
              <a:rPr lang="en-US" err="1"/>
              <a:t>ei</a:t>
            </a:r>
            <a:r>
              <a:rPr lang="en-US"/>
              <a:t> per </a:t>
            </a:r>
            <a:r>
              <a:rPr lang="en-US" err="1"/>
              <a:t>natum</a:t>
            </a:r>
            <a:r>
              <a:rPr lang="en-US"/>
              <a:t> </a:t>
            </a:r>
            <a:r>
              <a:rPr lang="en-US" err="1"/>
              <a:t>senserit</a:t>
            </a:r>
            <a:r>
              <a:rPr lang="en-US"/>
              <a:t>. No </a:t>
            </a:r>
            <a:r>
              <a:rPr lang="en-US" err="1"/>
              <a:t>est</a:t>
            </a:r>
            <a:r>
              <a:rPr lang="en-US"/>
              <a:t> </a:t>
            </a:r>
            <a:r>
              <a:rPr lang="en-US" err="1"/>
              <a:t>zril</a:t>
            </a:r>
            <a:r>
              <a:rPr lang="en-US"/>
              <a:t> </a:t>
            </a:r>
            <a:r>
              <a:rPr lang="en-US" err="1"/>
              <a:t>expetenda</a:t>
            </a:r>
            <a:r>
              <a:rPr lang="en-US"/>
              <a:t> </a:t>
            </a:r>
            <a:r>
              <a:rPr lang="en-US" err="1"/>
              <a:t>delicatissimi</a:t>
            </a:r>
            <a:r>
              <a:rPr lang="en-US"/>
              <a:t>, cu </a:t>
            </a:r>
            <a:r>
              <a:rPr lang="en-US" err="1"/>
              <a:t>eligendi</a:t>
            </a:r>
            <a:r>
              <a:rPr lang="en-US"/>
              <a:t> </a:t>
            </a:r>
            <a:r>
              <a:rPr lang="en-US" err="1"/>
              <a:t>tacimates</a:t>
            </a:r>
            <a:r>
              <a:rPr lang="en-US"/>
              <a:t> </a:t>
            </a:r>
            <a:r>
              <a:rPr lang="en-US" err="1"/>
              <a:t>theophrastus</a:t>
            </a:r>
            <a:r>
              <a:rPr lang="en-US"/>
              <a:t> </a:t>
            </a:r>
            <a:r>
              <a:rPr lang="en-US" err="1"/>
              <a:t>vix</a:t>
            </a:r>
            <a:r>
              <a:rPr lang="en-US"/>
              <a:t>.</a:t>
            </a:r>
          </a:p>
        </p:txBody>
      </p:sp>
    </p:spTree>
    <p:extLst>
      <p:ext uri="{BB962C8B-B14F-4D97-AF65-F5344CB8AC3E}">
        <p14:creationId xmlns:p14="http://schemas.microsoft.com/office/powerpoint/2010/main" val="248881226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GRAPHS &amp; TEXT">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B5BDEC08-1444-3A43-A0FF-535A9B70C8C1}"/>
              </a:ext>
            </a:extLst>
          </p:cNvPr>
          <p:cNvSpPr>
            <a:spLocks noGrp="1"/>
          </p:cNvSpPr>
          <p:nvPr>
            <p:ph type="ctrTitle"/>
          </p:nvPr>
        </p:nvSpPr>
        <p:spPr>
          <a:xfrm>
            <a:off x="2345094" y="1682200"/>
            <a:ext cx="7703975" cy="678445"/>
          </a:xfrm>
          <a:prstGeom prst="rect">
            <a:avLst/>
          </a:prstGeom>
        </p:spPr>
        <p:txBody>
          <a:bodyPr anchor="t">
            <a:normAutofit/>
          </a:bodyPr>
          <a:lstStyle>
            <a:lvl1pPr algn="l">
              <a:defRPr sz="2000"/>
            </a:lvl1pPr>
          </a:lstStyle>
          <a:p>
            <a:r>
              <a:rPr lang="en-GB"/>
              <a:t>Click to edit Master title style</a:t>
            </a:r>
            <a:endParaRPr lang="en-US"/>
          </a:p>
        </p:txBody>
      </p:sp>
      <p:sp>
        <p:nvSpPr>
          <p:cNvPr id="7" name="Subtitle 2">
            <a:extLst>
              <a:ext uri="{FF2B5EF4-FFF2-40B4-BE49-F238E27FC236}">
                <a16:creationId xmlns:a16="http://schemas.microsoft.com/office/drawing/2014/main" id="{9D6A0081-2D05-E345-BB53-D498662170A2}"/>
              </a:ext>
            </a:extLst>
          </p:cNvPr>
          <p:cNvSpPr>
            <a:spLocks noGrp="1"/>
          </p:cNvSpPr>
          <p:nvPr>
            <p:ph type="subTitle" idx="1" hasCustomPrompt="1"/>
          </p:nvPr>
        </p:nvSpPr>
        <p:spPr>
          <a:xfrm>
            <a:off x="7461504" y="3336488"/>
            <a:ext cx="2614997" cy="2506824"/>
          </a:xfrm>
        </p:spPr>
        <p:txBody>
          <a:bodyPr numCol="1" spcCol="360000">
            <a:normAutofit/>
          </a:bodyPr>
          <a:lstStyle>
            <a:lvl1pPr marL="0" indent="0" algn="l">
              <a:lnSpc>
                <a:spcPct val="150000"/>
              </a:lnSpc>
              <a:buNone/>
              <a:defRPr sz="9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An per </a:t>
            </a:r>
            <a:r>
              <a:rPr lang="en-US" err="1"/>
              <a:t>vero</a:t>
            </a:r>
            <a:r>
              <a:rPr lang="en-US"/>
              <a:t> </a:t>
            </a:r>
            <a:r>
              <a:rPr lang="en-US" err="1"/>
              <a:t>tempor</a:t>
            </a:r>
            <a:r>
              <a:rPr lang="en-US"/>
              <a:t>, </a:t>
            </a:r>
            <a:r>
              <a:rPr lang="en-US" err="1"/>
              <a:t>ornatus</a:t>
            </a:r>
            <a:r>
              <a:rPr lang="en-US"/>
              <a:t> </a:t>
            </a:r>
            <a:r>
              <a:rPr lang="en-US" err="1"/>
              <a:t>epicurei</a:t>
            </a:r>
            <a:r>
              <a:rPr lang="en-US"/>
              <a:t> </a:t>
            </a:r>
            <a:r>
              <a:rPr lang="en-US" err="1"/>
              <a:t>intellegam</a:t>
            </a:r>
            <a:r>
              <a:rPr lang="en-US"/>
              <a:t> </a:t>
            </a:r>
            <a:r>
              <a:rPr lang="en-US" err="1"/>
              <a:t>te</a:t>
            </a:r>
            <a:r>
              <a:rPr lang="en-US"/>
              <a:t> usu. Eu </a:t>
            </a:r>
            <a:r>
              <a:rPr lang="en-US" err="1"/>
              <a:t>eos</a:t>
            </a:r>
            <a:r>
              <a:rPr lang="en-US"/>
              <a:t> populo </a:t>
            </a:r>
            <a:r>
              <a:rPr lang="en-US" err="1"/>
              <a:t>moderatius</a:t>
            </a:r>
            <a:r>
              <a:rPr lang="en-US"/>
              <a:t> </a:t>
            </a:r>
            <a:r>
              <a:rPr lang="en-US" err="1"/>
              <a:t>reprimique</a:t>
            </a:r>
            <a:r>
              <a:rPr lang="en-US"/>
              <a:t>, id sit </a:t>
            </a:r>
            <a:r>
              <a:rPr lang="en-US" err="1"/>
              <a:t>officiis</a:t>
            </a:r>
            <a:r>
              <a:rPr lang="en-US"/>
              <a:t> </a:t>
            </a:r>
            <a:r>
              <a:rPr lang="en-US" err="1"/>
              <a:t>gubergren</a:t>
            </a:r>
            <a:r>
              <a:rPr lang="en-US"/>
              <a:t>, qui </a:t>
            </a:r>
            <a:r>
              <a:rPr lang="en-US" err="1"/>
              <a:t>singulis</a:t>
            </a:r>
            <a:r>
              <a:rPr lang="en-US"/>
              <a:t> </a:t>
            </a:r>
            <a:r>
              <a:rPr lang="en-US" err="1"/>
              <a:t>recteque</a:t>
            </a:r>
            <a:r>
              <a:rPr lang="en-US"/>
              <a:t> </a:t>
            </a:r>
            <a:r>
              <a:rPr lang="en-US" err="1"/>
              <a:t>concludaturque</a:t>
            </a:r>
            <a:r>
              <a:rPr lang="en-US"/>
              <a:t> ad. Doming </a:t>
            </a:r>
            <a:r>
              <a:rPr lang="en-US" err="1"/>
              <a:t>reprimique</a:t>
            </a:r>
            <a:r>
              <a:rPr lang="en-US"/>
              <a:t> </a:t>
            </a:r>
            <a:r>
              <a:rPr lang="en-US" err="1"/>
              <a:t>ei</a:t>
            </a:r>
            <a:r>
              <a:rPr lang="en-US"/>
              <a:t> vis. </a:t>
            </a:r>
            <a:r>
              <a:rPr lang="en-US" err="1"/>
              <a:t>Enim</a:t>
            </a:r>
            <a:r>
              <a:rPr lang="en-US"/>
              <a:t> </a:t>
            </a:r>
            <a:r>
              <a:rPr lang="en-US" err="1"/>
              <a:t>tation</a:t>
            </a:r>
            <a:r>
              <a:rPr lang="en-US"/>
              <a:t> </a:t>
            </a:r>
            <a:r>
              <a:rPr lang="en-US" err="1"/>
              <a:t>ridens</a:t>
            </a:r>
            <a:r>
              <a:rPr lang="en-US"/>
              <a:t> </a:t>
            </a:r>
            <a:r>
              <a:rPr lang="en-US" err="1"/>
              <a:t>ius</a:t>
            </a:r>
            <a:r>
              <a:rPr lang="en-US"/>
              <a:t> an, id lorem </a:t>
            </a:r>
            <a:r>
              <a:rPr lang="en-US" err="1"/>
              <a:t>ullum</a:t>
            </a:r>
            <a:r>
              <a:rPr lang="en-US"/>
              <a:t> </a:t>
            </a:r>
            <a:r>
              <a:rPr lang="en-US" err="1"/>
              <a:t>iusto</a:t>
            </a:r>
            <a:r>
              <a:rPr lang="en-US"/>
              <a:t> sed, </a:t>
            </a:r>
            <a:r>
              <a:rPr lang="en-US" err="1"/>
              <a:t>ei</a:t>
            </a:r>
            <a:r>
              <a:rPr lang="en-US"/>
              <a:t> per </a:t>
            </a:r>
            <a:r>
              <a:rPr lang="en-US" err="1"/>
              <a:t>natum</a:t>
            </a:r>
            <a:r>
              <a:rPr lang="en-US"/>
              <a:t> </a:t>
            </a:r>
            <a:r>
              <a:rPr lang="en-US" err="1"/>
              <a:t>senserit</a:t>
            </a:r>
            <a:r>
              <a:rPr lang="en-US"/>
              <a:t>. No </a:t>
            </a:r>
            <a:r>
              <a:rPr lang="en-US" err="1"/>
              <a:t>est</a:t>
            </a:r>
            <a:r>
              <a:rPr lang="en-US"/>
              <a:t> </a:t>
            </a:r>
            <a:r>
              <a:rPr lang="en-US" err="1"/>
              <a:t>zril</a:t>
            </a:r>
            <a:r>
              <a:rPr lang="en-US"/>
              <a:t> </a:t>
            </a:r>
            <a:r>
              <a:rPr lang="en-US" err="1"/>
              <a:t>expetenda</a:t>
            </a:r>
            <a:r>
              <a:rPr lang="en-US"/>
              <a:t> </a:t>
            </a:r>
            <a:r>
              <a:rPr lang="en-US" err="1"/>
              <a:t>delicatissimi</a:t>
            </a:r>
            <a:r>
              <a:rPr lang="en-US"/>
              <a:t>, cu </a:t>
            </a:r>
            <a:r>
              <a:rPr lang="en-US" err="1"/>
              <a:t>eligendi</a:t>
            </a:r>
            <a:r>
              <a:rPr lang="en-US"/>
              <a:t> </a:t>
            </a:r>
            <a:r>
              <a:rPr lang="en-US" err="1"/>
              <a:t>tacimates</a:t>
            </a:r>
            <a:r>
              <a:rPr lang="en-US"/>
              <a:t> </a:t>
            </a:r>
            <a:r>
              <a:rPr lang="en-US" err="1"/>
              <a:t>theophrastus</a:t>
            </a:r>
            <a:r>
              <a:rPr lang="en-US"/>
              <a:t> </a:t>
            </a:r>
            <a:r>
              <a:rPr lang="en-US" err="1"/>
              <a:t>vix</a:t>
            </a:r>
            <a:r>
              <a:rPr lang="en-US"/>
              <a:t>.</a:t>
            </a:r>
          </a:p>
        </p:txBody>
      </p:sp>
      <p:sp>
        <p:nvSpPr>
          <p:cNvPr id="10" name="Picture Placeholder 2">
            <a:extLst>
              <a:ext uri="{FF2B5EF4-FFF2-40B4-BE49-F238E27FC236}">
                <a16:creationId xmlns:a16="http://schemas.microsoft.com/office/drawing/2014/main" id="{A033FBF4-7937-5A4F-8CBB-C6E849165BEB}"/>
              </a:ext>
            </a:extLst>
          </p:cNvPr>
          <p:cNvSpPr>
            <a:spLocks noGrp="1"/>
          </p:cNvSpPr>
          <p:nvPr>
            <p:ph type="pic" idx="10"/>
          </p:nvPr>
        </p:nvSpPr>
        <p:spPr>
          <a:xfrm>
            <a:off x="2345094" y="2468880"/>
            <a:ext cx="4887810" cy="3885946"/>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Tree>
    <p:extLst>
      <p:ext uri="{BB962C8B-B14F-4D97-AF65-F5344CB8AC3E}">
        <p14:creationId xmlns:p14="http://schemas.microsoft.com/office/powerpoint/2010/main" val="202632617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HEADING &amp; BULLET POINTS">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883D74B6-D092-E248-8E9C-592BE1363E49}"/>
              </a:ext>
            </a:extLst>
          </p:cNvPr>
          <p:cNvSpPr>
            <a:spLocks noGrp="1"/>
          </p:cNvSpPr>
          <p:nvPr>
            <p:ph type="ctrTitle"/>
          </p:nvPr>
        </p:nvSpPr>
        <p:spPr>
          <a:xfrm>
            <a:off x="2345094" y="1682200"/>
            <a:ext cx="9144000" cy="678445"/>
          </a:xfrm>
          <a:prstGeom prst="rect">
            <a:avLst/>
          </a:prstGeom>
        </p:spPr>
        <p:txBody>
          <a:bodyPr anchor="t">
            <a:normAutofit/>
          </a:bodyPr>
          <a:lstStyle>
            <a:lvl1pPr algn="l">
              <a:defRPr sz="2000"/>
            </a:lvl1pPr>
          </a:lstStyle>
          <a:p>
            <a:r>
              <a:rPr lang="en-GB"/>
              <a:t>Click to edit Master title style</a:t>
            </a:r>
            <a:endParaRPr lang="en-US"/>
          </a:p>
        </p:txBody>
      </p:sp>
      <p:sp>
        <p:nvSpPr>
          <p:cNvPr id="7" name="Subtitle 2">
            <a:extLst>
              <a:ext uri="{FF2B5EF4-FFF2-40B4-BE49-F238E27FC236}">
                <a16:creationId xmlns:a16="http://schemas.microsoft.com/office/drawing/2014/main" id="{D68285FD-C013-B048-94D1-C1D188E712BC}"/>
              </a:ext>
            </a:extLst>
          </p:cNvPr>
          <p:cNvSpPr>
            <a:spLocks noGrp="1"/>
          </p:cNvSpPr>
          <p:nvPr>
            <p:ph type="subTitle" idx="1" hasCustomPrompt="1"/>
          </p:nvPr>
        </p:nvSpPr>
        <p:spPr>
          <a:xfrm>
            <a:off x="2345094" y="2668976"/>
            <a:ext cx="9144000" cy="2638520"/>
          </a:xfrm>
        </p:spPr>
        <p:txBody>
          <a:bodyPr>
            <a:normAutofit/>
          </a:bodyPr>
          <a:lstStyle>
            <a:lvl1pPr marL="285750" indent="-285750" algn="l">
              <a:buFont typeface="Wingdings" pitchFamily="2" charset="2"/>
              <a:buChar char="§"/>
              <a:defRPr sz="16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Bullet Points…</a:t>
            </a:r>
          </a:p>
          <a:p>
            <a:r>
              <a:rPr lang="en-GB"/>
              <a:t>Click to edit Bullet Points</a:t>
            </a:r>
            <a:endParaRPr lang="en-US"/>
          </a:p>
        </p:txBody>
      </p:sp>
    </p:spTree>
    <p:extLst>
      <p:ext uri="{BB962C8B-B14F-4D97-AF65-F5344CB8AC3E}">
        <p14:creationId xmlns:p14="http://schemas.microsoft.com/office/powerpoint/2010/main" val="370925926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583788562"/>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69608D-D2D7-4A61-844D-390FCE60D7AA}"/>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89D6E6BD-4494-42D6-A56D-75E0626170B1}"/>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6DD3A36E-017D-4AB2-A5B3-21E1AD2E6E78}"/>
              </a:ext>
            </a:extLst>
          </p:cNvPr>
          <p:cNvSpPr>
            <a:spLocks noGrp="1"/>
          </p:cNvSpPr>
          <p:nvPr>
            <p:ph type="dt" sz="half" idx="10"/>
          </p:nvPr>
        </p:nvSpPr>
        <p:spPr/>
        <p:txBody>
          <a:bodyPr/>
          <a:lstStyle/>
          <a:p>
            <a:fld id="{DC73A3D5-AFD7-43E6-8FEC-609DCEE6D911}" type="datetimeFigureOut">
              <a:rPr lang="en-GB" smtClean="0"/>
              <a:t>28/03/2023</a:t>
            </a:fld>
            <a:endParaRPr lang="en-GB"/>
          </a:p>
        </p:txBody>
      </p:sp>
      <p:sp>
        <p:nvSpPr>
          <p:cNvPr id="5" name="Footer Placeholder 4">
            <a:extLst>
              <a:ext uri="{FF2B5EF4-FFF2-40B4-BE49-F238E27FC236}">
                <a16:creationId xmlns:a16="http://schemas.microsoft.com/office/drawing/2014/main" id="{F547F76C-DF11-44F1-96AD-9C4A73C7483D}"/>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D951A11F-7140-466F-9A5E-36614C50B4F1}"/>
              </a:ext>
            </a:extLst>
          </p:cNvPr>
          <p:cNvSpPr>
            <a:spLocks noGrp="1"/>
          </p:cNvSpPr>
          <p:nvPr>
            <p:ph type="sldNum" sz="quarter" idx="12"/>
          </p:nvPr>
        </p:nvSpPr>
        <p:spPr/>
        <p:txBody>
          <a:bodyPr/>
          <a:lstStyle/>
          <a:p>
            <a:fld id="{833B90EF-71F8-4AF8-8FD4-BC68419AF919}" type="slidenum">
              <a:rPr lang="en-GB" smtClean="0"/>
              <a:t>‹#›</a:t>
            </a:fld>
            <a:endParaRPr lang="en-GB"/>
          </a:p>
        </p:txBody>
      </p:sp>
    </p:spTree>
    <p:extLst>
      <p:ext uri="{BB962C8B-B14F-4D97-AF65-F5344CB8AC3E}">
        <p14:creationId xmlns:p14="http://schemas.microsoft.com/office/powerpoint/2010/main" val="371963669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B6F55E-5CE3-449C-A591-90E5ADBBFC03}"/>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GB"/>
          </a:p>
        </p:txBody>
      </p:sp>
      <p:sp>
        <p:nvSpPr>
          <p:cNvPr id="3" name="Text Placeholder 2">
            <a:extLst>
              <a:ext uri="{FF2B5EF4-FFF2-40B4-BE49-F238E27FC236}">
                <a16:creationId xmlns:a16="http://schemas.microsoft.com/office/drawing/2014/main" id="{A6D78994-A048-4085-9F00-E3DCF0EDA3AB}"/>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6541A283-7EE0-4934-8DA7-59D9A5D147A0}"/>
              </a:ext>
            </a:extLst>
          </p:cNvPr>
          <p:cNvSpPr>
            <a:spLocks noGrp="1"/>
          </p:cNvSpPr>
          <p:nvPr>
            <p:ph type="dt" sz="half" idx="10"/>
          </p:nvPr>
        </p:nvSpPr>
        <p:spPr/>
        <p:txBody>
          <a:bodyPr/>
          <a:lstStyle/>
          <a:p>
            <a:fld id="{DC73A3D5-AFD7-43E6-8FEC-609DCEE6D911}" type="datetimeFigureOut">
              <a:rPr lang="en-GB" smtClean="0"/>
              <a:t>28/03/2023</a:t>
            </a:fld>
            <a:endParaRPr lang="en-GB"/>
          </a:p>
        </p:txBody>
      </p:sp>
      <p:sp>
        <p:nvSpPr>
          <p:cNvPr id="5" name="Footer Placeholder 4">
            <a:extLst>
              <a:ext uri="{FF2B5EF4-FFF2-40B4-BE49-F238E27FC236}">
                <a16:creationId xmlns:a16="http://schemas.microsoft.com/office/drawing/2014/main" id="{19D011C5-266D-423A-A795-9164507AE06A}"/>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06401217-395B-4094-A104-2BD4F8AF3750}"/>
              </a:ext>
            </a:extLst>
          </p:cNvPr>
          <p:cNvSpPr>
            <a:spLocks noGrp="1"/>
          </p:cNvSpPr>
          <p:nvPr>
            <p:ph type="sldNum" sz="quarter" idx="12"/>
          </p:nvPr>
        </p:nvSpPr>
        <p:spPr/>
        <p:txBody>
          <a:bodyPr/>
          <a:lstStyle/>
          <a:p>
            <a:fld id="{833B90EF-71F8-4AF8-8FD4-BC68419AF919}" type="slidenum">
              <a:rPr lang="en-GB" smtClean="0"/>
              <a:t>‹#›</a:t>
            </a:fld>
            <a:endParaRPr lang="en-GB"/>
          </a:p>
        </p:txBody>
      </p:sp>
    </p:spTree>
    <p:extLst>
      <p:ext uri="{BB962C8B-B14F-4D97-AF65-F5344CB8AC3E}">
        <p14:creationId xmlns:p14="http://schemas.microsoft.com/office/powerpoint/2010/main" val="391061765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4D436B2-EF64-4BD2-BD78-B35A325BCF28}"/>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923D0904-6EDF-4D21-839B-F82EBB3BC5F6}"/>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04C59950-390B-42B6-885D-34D42BF295D6}"/>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a16="http://schemas.microsoft.com/office/drawing/2014/main" id="{19A01EE4-2150-4006-B037-E90C60240E4C}"/>
              </a:ext>
            </a:extLst>
          </p:cNvPr>
          <p:cNvSpPr>
            <a:spLocks noGrp="1"/>
          </p:cNvSpPr>
          <p:nvPr>
            <p:ph type="dt" sz="half" idx="10"/>
          </p:nvPr>
        </p:nvSpPr>
        <p:spPr/>
        <p:txBody>
          <a:bodyPr/>
          <a:lstStyle/>
          <a:p>
            <a:fld id="{DC73A3D5-AFD7-43E6-8FEC-609DCEE6D911}" type="datetimeFigureOut">
              <a:rPr lang="en-GB" smtClean="0"/>
              <a:t>28/03/2023</a:t>
            </a:fld>
            <a:endParaRPr lang="en-GB"/>
          </a:p>
        </p:txBody>
      </p:sp>
      <p:sp>
        <p:nvSpPr>
          <p:cNvPr id="6" name="Footer Placeholder 5">
            <a:extLst>
              <a:ext uri="{FF2B5EF4-FFF2-40B4-BE49-F238E27FC236}">
                <a16:creationId xmlns:a16="http://schemas.microsoft.com/office/drawing/2014/main" id="{D95E876F-1363-4813-BB20-69B90AA8AF9D}"/>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8BD4ABC1-1439-4327-9C1C-EF78BB56C3F0}"/>
              </a:ext>
            </a:extLst>
          </p:cNvPr>
          <p:cNvSpPr>
            <a:spLocks noGrp="1"/>
          </p:cNvSpPr>
          <p:nvPr>
            <p:ph type="sldNum" sz="quarter" idx="12"/>
          </p:nvPr>
        </p:nvSpPr>
        <p:spPr/>
        <p:txBody>
          <a:bodyPr/>
          <a:lstStyle/>
          <a:p>
            <a:fld id="{833B90EF-71F8-4AF8-8FD4-BC68419AF919}" type="slidenum">
              <a:rPr lang="en-GB" smtClean="0"/>
              <a:t>‹#›</a:t>
            </a:fld>
            <a:endParaRPr lang="en-GB"/>
          </a:p>
        </p:txBody>
      </p:sp>
    </p:spTree>
    <p:extLst>
      <p:ext uri="{BB962C8B-B14F-4D97-AF65-F5344CB8AC3E}">
        <p14:creationId xmlns:p14="http://schemas.microsoft.com/office/powerpoint/2010/main" val="260817281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E80AAF-BF12-4E70-B3FA-EB20C0084A65}"/>
              </a:ext>
            </a:extLst>
          </p:cNvPr>
          <p:cNvSpPr>
            <a:spLocks noGrp="1"/>
          </p:cNvSpPr>
          <p:nvPr>
            <p:ph type="title"/>
          </p:nvPr>
        </p:nvSpPr>
        <p:spPr>
          <a:xfrm>
            <a:off x="839788" y="365125"/>
            <a:ext cx="10515600" cy="1325563"/>
          </a:xfrm>
        </p:spPr>
        <p:txBody>
          <a:bodyPr/>
          <a:lstStyle/>
          <a:p>
            <a:r>
              <a:rPr lang="en-US"/>
              <a:t>Click to edit Master title style</a:t>
            </a:r>
            <a:endParaRPr lang="en-GB"/>
          </a:p>
        </p:txBody>
      </p:sp>
      <p:sp>
        <p:nvSpPr>
          <p:cNvPr id="3" name="Text Placeholder 2">
            <a:extLst>
              <a:ext uri="{FF2B5EF4-FFF2-40B4-BE49-F238E27FC236}">
                <a16:creationId xmlns:a16="http://schemas.microsoft.com/office/drawing/2014/main" id="{B821D1C4-212F-4492-9185-9749109FEDBD}"/>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C007EFF9-30A4-4A32-8C8A-A36906DB0EAA}"/>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0BE86A9C-A46A-4700-9642-DC185CAC123D}"/>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BDC1E76E-3E5A-4B65-89CE-9D6E341CF145}"/>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a16="http://schemas.microsoft.com/office/drawing/2014/main" id="{A2B4FD09-A85D-4B50-8D5A-FC2A1B6BB3F4}"/>
              </a:ext>
            </a:extLst>
          </p:cNvPr>
          <p:cNvSpPr>
            <a:spLocks noGrp="1"/>
          </p:cNvSpPr>
          <p:nvPr>
            <p:ph type="dt" sz="half" idx="10"/>
          </p:nvPr>
        </p:nvSpPr>
        <p:spPr/>
        <p:txBody>
          <a:bodyPr/>
          <a:lstStyle/>
          <a:p>
            <a:fld id="{DC73A3D5-AFD7-43E6-8FEC-609DCEE6D911}" type="datetimeFigureOut">
              <a:rPr lang="en-GB" smtClean="0"/>
              <a:t>28/03/2023</a:t>
            </a:fld>
            <a:endParaRPr lang="en-GB"/>
          </a:p>
        </p:txBody>
      </p:sp>
      <p:sp>
        <p:nvSpPr>
          <p:cNvPr id="8" name="Footer Placeholder 7">
            <a:extLst>
              <a:ext uri="{FF2B5EF4-FFF2-40B4-BE49-F238E27FC236}">
                <a16:creationId xmlns:a16="http://schemas.microsoft.com/office/drawing/2014/main" id="{236136ED-8A17-4EF8-8C2E-8259AD94DFE2}"/>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8480B2DB-3D2C-4E6F-AC9D-A5989253DDCB}"/>
              </a:ext>
            </a:extLst>
          </p:cNvPr>
          <p:cNvSpPr>
            <a:spLocks noGrp="1"/>
          </p:cNvSpPr>
          <p:nvPr>
            <p:ph type="sldNum" sz="quarter" idx="12"/>
          </p:nvPr>
        </p:nvSpPr>
        <p:spPr/>
        <p:txBody>
          <a:bodyPr/>
          <a:lstStyle/>
          <a:p>
            <a:fld id="{833B90EF-71F8-4AF8-8FD4-BC68419AF919}" type="slidenum">
              <a:rPr lang="en-GB" smtClean="0"/>
              <a:t>‹#›</a:t>
            </a:fld>
            <a:endParaRPr lang="en-GB"/>
          </a:p>
        </p:txBody>
      </p:sp>
    </p:spTree>
    <p:extLst>
      <p:ext uri="{BB962C8B-B14F-4D97-AF65-F5344CB8AC3E}">
        <p14:creationId xmlns:p14="http://schemas.microsoft.com/office/powerpoint/2010/main" val="161169855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0B8FBEF-C560-4719-855A-B24D69D90791}"/>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78386E2B-BD9A-4929-BADC-480828F85D68}"/>
              </a:ext>
            </a:extLst>
          </p:cNvPr>
          <p:cNvSpPr>
            <a:spLocks noGrp="1"/>
          </p:cNvSpPr>
          <p:nvPr>
            <p:ph type="dt" sz="half" idx="10"/>
          </p:nvPr>
        </p:nvSpPr>
        <p:spPr/>
        <p:txBody>
          <a:bodyPr/>
          <a:lstStyle/>
          <a:p>
            <a:fld id="{DC73A3D5-AFD7-43E6-8FEC-609DCEE6D911}" type="datetimeFigureOut">
              <a:rPr lang="en-GB" smtClean="0"/>
              <a:t>28/03/2023</a:t>
            </a:fld>
            <a:endParaRPr lang="en-GB"/>
          </a:p>
        </p:txBody>
      </p:sp>
      <p:sp>
        <p:nvSpPr>
          <p:cNvPr id="4" name="Footer Placeholder 3">
            <a:extLst>
              <a:ext uri="{FF2B5EF4-FFF2-40B4-BE49-F238E27FC236}">
                <a16:creationId xmlns:a16="http://schemas.microsoft.com/office/drawing/2014/main" id="{22BA0C01-DA76-4021-8466-6112A017D14A}"/>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E8EF673D-C843-4BD8-B347-120AD26C0C06}"/>
              </a:ext>
            </a:extLst>
          </p:cNvPr>
          <p:cNvSpPr>
            <a:spLocks noGrp="1"/>
          </p:cNvSpPr>
          <p:nvPr>
            <p:ph type="sldNum" sz="quarter" idx="12"/>
          </p:nvPr>
        </p:nvSpPr>
        <p:spPr/>
        <p:txBody>
          <a:bodyPr/>
          <a:lstStyle/>
          <a:p>
            <a:fld id="{833B90EF-71F8-4AF8-8FD4-BC68419AF919}" type="slidenum">
              <a:rPr lang="en-GB" smtClean="0"/>
              <a:t>‹#›</a:t>
            </a:fld>
            <a:endParaRPr lang="en-GB"/>
          </a:p>
        </p:txBody>
      </p:sp>
    </p:spTree>
    <p:extLst>
      <p:ext uri="{BB962C8B-B14F-4D97-AF65-F5344CB8AC3E}">
        <p14:creationId xmlns:p14="http://schemas.microsoft.com/office/powerpoint/2010/main" val="273058075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9E8C3638-E5D3-4876-BFA0-7CCB957839AA}"/>
              </a:ext>
            </a:extLst>
          </p:cNvPr>
          <p:cNvSpPr>
            <a:spLocks noGrp="1"/>
          </p:cNvSpPr>
          <p:nvPr>
            <p:ph type="dt" sz="half" idx="10"/>
          </p:nvPr>
        </p:nvSpPr>
        <p:spPr/>
        <p:txBody>
          <a:bodyPr/>
          <a:lstStyle/>
          <a:p>
            <a:fld id="{DC73A3D5-AFD7-43E6-8FEC-609DCEE6D911}" type="datetimeFigureOut">
              <a:rPr lang="en-GB" smtClean="0"/>
              <a:t>28/03/2023</a:t>
            </a:fld>
            <a:endParaRPr lang="en-GB"/>
          </a:p>
        </p:txBody>
      </p:sp>
      <p:sp>
        <p:nvSpPr>
          <p:cNvPr id="3" name="Footer Placeholder 2">
            <a:extLst>
              <a:ext uri="{FF2B5EF4-FFF2-40B4-BE49-F238E27FC236}">
                <a16:creationId xmlns:a16="http://schemas.microsoft.com/office/drawing/2014/main" id="{3DB66773-B4D7-4EC2-B65C-AA950EAF44BB}"/>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C3EDEF79-FA9F-48E1-BAE2-1560656050ED}"/>
              </a:ext>
            </a:extLst>
          </p:cNvPr>
          <p:cNvSpPr>
            <a:spLocks noGrp="1"/>
          </p:cNvSpPr>
          <p:nvPr>
            <p:ph type="sldNum" sz="quarter" idx="12"/>
          </p:nvPr>
        </p:nvSpPr>
        <p:spPr/>
        <p:txBody>
          <a:bodyPr/>
          <a:lstStyle/>
          <a:p>
            <a:fld id="{833B90EF-71F8-4AF8-8FD4-BC68419AF919}" type="slidenum">
              <a:rPr lang="en-GB" smtClean="0"/>
              <a:t>‹#›</a:t>
            </a:fld>
            <a:endParaRPr lang="en-GB"/>
          </a:p>
        </p:txBody>
      </p:sp>
    </p:spTree>
    <p:extLst>
      <p:ext uri="{BB962C8B-B14F-4D97-AF65-F5344CB8AC3E}">
        <p14:creationId xmlns:p14="http://schemas.microsoft.com/office/powerpoint/2010/main" val="343177872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E2346E-FBFB-46EF-B174-E12A3FA4228D}"/>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43648E5F-7513-4599-9495-87EE859072B4}"/>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DEF71BB6-A851-4CD0-B395-CCAD857AA148}"/>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7CD79661-90EB-44D1-B036-C45735DEB9AD}"/>
              </a:ext>
            </a:extLst>
          </p:cNvPr>
          <p:cNvSpPr>
            <a:spLocks noGrp="1"/>
          </p:cNvSpPr>
          <p:nvPr>
            <p:ph type="dt" sz="half" idx="10"/>
          </p:nvPr>
        </p:nvSpPr>
        <p:spPr/>
        <p:txBody>
          <a:bodyPr/>
          <a:lstStyle/>
          <a:p>
            <a:fld id="{DC73A3D5-AFD7-43E6-8FEC-609DCEE6D911}" type="datetimeFigureOut">
              <a:rPr lang="en-GB" smtClean="0"/>
              <a:t>28/03/2023</a:t>
            </a:fld>
            <a:endParaRPr lang="en-GB"/>
          </a:p>
        </p:txBody>
      </p:sp>
      <p:sp>
        <p:nvSpPr>
          <p:cNvPr id="6" name="Footer Placeholder 5">
            <a:extLst>
              <a:ext uri="{FF2B5EF4-FFF2-40B4-BE49-F238E27FC236}">
                <a16:creationId xmlns:a16="http://schemas.microsoft.com/office/drawing/2014/main" id="{E7DA04C9-ACC0-451F-9302-647C6B42681D}"/>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AFE45E46-369C-491C-95A9-DC09CEBB01F1}"/>
              </a:ext>
            </a:extLst>
          </p:cNvPr>
          <p:cNvSpPr>
            <a:spLocks noGrp="1"/>
          </p:cNvSpPr>
          <p:nvPr>
            <p:ph type="sldNum" sz="quarter" idx="12"/>
          </p:nvPr>
        </p:nvSpPr>
        <p:spPr/>
        <p:txBody>
          <a:bodyPr/>
          <a:lstStyle/>
          <a:p>
            <a:fld id="{833B90EF-71F8-4AF8-8FD4-BC68419AF919}" type="slidenum">
              <a:rPr lang="en-GB" smtClean="0"/>
              <a:t>‹#›</a:t>
            </a:fld>
            <a:endParaRPr lang="en-GB"/>
          </a:p>
        </p:txBody>
      </p:sp>
    </p:spTree>
    <p:extLst>
      <p:ext uri="{BB962C8B-B14F-4D97-AF65-F5344CB8AC3E}">
        <p14:creationId xmlns:p14="http://schemas.microsoft.com/office/powerpoint/2010/main" val="21959767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1D4571-F354-423E-AD3D-723A2569E56E}"/>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Picture Placeholder 2">
            <a:extLst>
              <a:ext uri="{FF2B5EF4-FFF2-40B4-BE49-F238E27FC236}">
                <a16:creationId xmlns:a16="http://schemas.microsoft.com/office/drawing/2014/main" id="{331EFBD1-2FCA-4F12-9A22-900D5EF2B2AF}"/>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a:extLst>
              <a:ext uri="{FF2B5EF4-FFF2-40B4-BE49-F238E27FC236}">
                <a16:creationId xmlns:a16="http://schemas.microsoft.com/office/drawing/2014/main" id="{5371B02C-9976-4AF4-8DE3-A411A08149D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72D53228-36CE-45D3-AF6B-45DAE9CF8312}"/>
              </a:ext>
            </a:extLst>
          </p:cNvPr>
          <p:cNvSpPr>
            <a:spLocks noGrp="1"/>
          </p:cNvSpPr>
          <p:nvPr>
            <p:ph type="dt" sz="half" idx="10"/>
          </p:nvPr>
        </p:nvSpPr>
        <p:spPr/>
        <p:txBody>
          <a:bodyPr/>
          <a:lstStyle/>
          <a:p>
            <a:fld id="{DC73A3D5-AFD7-43E6-8FEC-609DCEE6D911}" type="datetimeFigureOut">
              <a:rPr lang="en-GB" smtClean="0"/>
              <a:t>28/03/2023</a:t>
            </a:fld>
            <a:endParaRPr lang="en-GB"/>
          </a:p>
        </p:txBody>
      </p:sp>
      <p:sp>
        <p:nvSpPr>
          <p:cNvPr id="6" name="Footer Placeholder 5">
            <a:extLst>
              <a:ext uri="{FF2B5EF4-FFF2-40B4-BE49-F238E27FC236}">
                <a16:creationId xmlns:a16="http://schemas.microsoft.com/office/drawing/2014/main" id="{49863A64-0588-48CC-ACFE-08D9C26F6BDE}"/>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0964C0C3-0835-4A59-910F-F3C96C50C903}"/>
              </a:ext>
            </a:extLst>
          </p:cNvPr>
          <p:cNvSpPr>
            <a:spLocks noGrp="1"/>
          </p:cNvSpPr>
          <p:nvPr>
            <p:ph type="sldNum" sz="quarter" idx="12"/>
          </p:nvPr>
        </p:nvSpPr>
        <p:spPr/>
        <p:txBody>
          <a:bodyPr/>
          <a:lstStyle/>
          <a:p>
            <a:fld id="{833B90EF-71F8-4AF8-8FD4-BC68419AF919}" type="slidenum">
              <a:rPr lang="en-GB" smtClean="0"/>
              <a:t>‹#›</a:t>
            </a:fld>
            <a:endParaRPr lang="en-GB"/>
          </a:p>
        </p:txBody>
      </p:sp>
    </p:spTree>
    <p:extLst>
      <p:ext uri="{BB962C8B-B14F-4D97-AF65-F5344CB8AC3E}">
        <p14:creationId xmlns:p14="http://schemas.microsoft.com/office/powerpoint/2010/main" val="28268131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image" Target="../media/image3.jpeg"/><Relationship Id="rId3" Type="http://schemas.openxmlformats.org/officeDocument/2006/relationships/slideLayout" Target="../slideLayouts/slideLayout15.xml"/><Relationship Id="rId7" Type="http://schemas.openxmlformats.org/officeDocument/2006/relationships/theme" Target="../theme/theme2.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5" Type="http://schemas.openxmlformats.org/officeDocument/2006/relationships/slideLayout" Target="../slideLayouts/slideLayout17.xml"/><Relationship Id="rId4" Type="http://schemas.openxmlformats.org/officeDocument/2006/relationships/slideLayout" Target="../slideLayouts/slideLayout1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0A9E932-F703-4928-AC17-E296FBE0B029}"/>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a:extLst>
              <a:ext uri="{FF2B5EF4-FFF2-40B4-BE49-F238E27FC236}">
                <a16:creationId xmlns:a16="http://schemas.microsoft.com/office/drawing/2014/main" id="{EE34AC5B-EAA8-4660-B54C-617C7DA69662}"/>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2CD4F4F9-9D1F-48AC-9680-C4B1FD9C8A9A}"/>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C73A3D5-AFD7-43E6-8FEC-609DCEE6D911}" type="datetimeFigureOut">
              <a:rPr lang="en-GB" smtClean="0"/>
              <a:t>28/03/2023</a:t>
            </a:fld>
            <a:endParaRPr lang="en-GB"/>
          </a:p>
        </p:txBody>
      </p:sp>
      <p:sp>
        <p:nvSpPr>
          <p:cNvPr id="5" name="Footer Placeholder 4">
            <a:extLst>
              <a:ext uri="{FF2B5EF4-FFF2-40B4-BE49-F238E27FC236}">
                <a16:creationId xmlns:a16="http://schemas.microsoft.com/office/drawing/2014/main" id="{73D4704B-7260-4F93-8718-9DA02727D94F}"/>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a:extLst>
              <a:ext uri="{FF2B5EF4-FFF2-40B4-BE49-F238E27FC236}">
                <a16:creationId xmlns:a16="http://schemas.microsoft.com/office/drawing/2014/main" id="{823FCA16-0C22-44E4-B5AE-F2543F1E2C56}"/>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833B90EF-71F8-4AF8-8FD4-BC68419AF919}" type="slidenum">
              <a:rPr lang="en-GB" smtClean="0"/>
              <a:t>‹#›</a:t>
            </a:fld>
            <a:endParaRPr lang="en-GB"/>
          </a:p>
        </p:txBody>
      </p:sp>
    </p:spTree>
    <p:extLst>
      <p:ext uri="{BB962C8B-B14F-4D97-AF65-F5344CB8AC3E}">
        <p14:creationId xmlns:p14="http://schemas.microsoft.com/office/powerpoint/2010/main" val="85046314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D281E0A0-FF9F-5D47-8B30-43F5EF143EF8}"/>
              </a:ext>
            </a:extLst>
          </p:cNvPr>
          <p:cNvSpPr>
            <a:spLocks noGrp="1"/>
          </p:cNvSpPr>
          <p:nvPr>
            <p:ph type="body" idx="1"/>
          </p:nvPr>
        </p:nvSpPr>
        <p:spPr>
          <a:xfrm>
            <a:off x="2565916" y="1825625"/>
            <a:ext cx="8787883" cy="917575"/>
          </a:xfrm>
          <a:prstGeom prst="rect">
            <a:avLst/>
          </a:prstGeom>
        </p:spPr>
        <p:txBody>
          <a:bodyPr vert="horz" lIns="91440" tIns="45720" rIns="91440" bIns="45720" rtlCol="0">
            <a:normAutofit/>
          </a:bodyPr>
          <a:lstStyle/>
          <a:p>
            <a:pPr lvl="0"/>
            <a:r>
              <a:rPr lang="en-GB"/>
              <a:t>Click to edit Master text styles</a:t>
            </a:r>
          </a:p>
          <a:p>
            <a:pPr lvl="1"/>
            <a:r>
              <a:rPr lang="en-GB"/>
              <a:t>Second level</a:t>
            </a:r>
          </a:p>
        </p:txBody>
      </p:sp>
      <p:sp>
        <p:nvSpPr>
          <p:cNvPr id="4" name="Date Placeholder 3">
            <a:extLst>
              <a:ext uri="{FF2B5EF4-FFF2-40B4-BE49-F238E27FC236}">
                <a16:creationId xmlns:a16="http://schemas.microsoft.com/office/drawing/2014/main" id="{06C3212D-917E-AC4E-8880-44E15C589D2E}"/>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000" baseline="0">
                <a:solidFill>
                  <a:schemeClr val="tx1"/>
                </a:solidFill>
                <a:latin typeface="Roboto Slab" pitchFamily="2" charset="0"/>
              </a:defRPr>
            </a:lvl1pPr>
          </a:lstStyle>
          <a:p>
            <a:r>
              <a:rPr lang="en-US"/>
              <a:t>Bodytext 1 column</a:t>
            </a:r>
          </a:p>
        </p:txBody>
      </p:sp>
      <p:sp>
        <p:nvSpPr>
          <p:cNvPr id="6" name="Slide Number Placeholder 5">
            <a:extLst>
              <a:ext uri="{FF2B5EF4-FFF2-40B4-BE49-F238E27FC236}">
                <a16:creationId xmlns:a16="http://schemas.microsoft.com/office/drawing/2014/main" id="{DE2D2277-2DB6-1846-9E0A-6CAF7BDA7B65}"/>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0D21C090-CF47-E246-AF7D-27A703509089}" type="slidenum">
              <a:rPr lang="en-US" smtClean="0"/>
              <a:t>‹#›</a:t>
            </a:fld>
            <a:endParaRPr lang="en-US"/>
          </a:p>
        </p:txBody>
      </p:sp>
      <p:pic>
        <p:nvPicPr>
          <p:cNvPr id="9" name="Picture 8" descr="A picture containing text&#10;&#10;Description automatically generated">
            <a:extLst>
              <a:ext uri="{FF2B5EF4-FFF2-40B4-BE49-F238E27FC236}">
                <a16:creationId xmlns:a16="http://schemas.microsoft.com/office/drawing/2014/main" id="{144F17D0-9089-434D-AD8C-98A45BA60485}"/>
              </a:ext>
            </a:extLst>
          </p:cNvPr>
          <p:cNvPicPr>
            <a:picLocks noChangeAspect="1"/>
          </p:cNvPicPr>
          <p:nvPr userDrawn="1"/>
        </p:nvPicPr>
        <p:blipFill>
          <a:blip r:embed="rId8"/>
          <a:stretch>
            <a:fillRect/>
          </a:stretch>
        </p:blipFill>
        <p:spPr>
          <a:xfrm>
            <a:off x="548043" y="499707"/>
            <a:ext cx="1672641" cy="1152527"/>
          </a:xfrm>
          <a:prstGeom prst="rect">
            <a:avLst/>
          </a:prstGeom>
        </p:spPr>
      </p:pic>
      <p:sp>
        <p:nvSpPr>
          <p:cNvPr id="12" name="Title Placeholder 11">
            <a:extLst>
              <a:ext uri="{FF2B5EF4-FFF2-40B4-BE49-F238E27FC236}">
                <a16:creationId xmlns:a16="http://schemas.microsoft.com/office/drawing/2014/main" id="{55583BFE-DE12-D242-AD5C-77394358A8E0}"/>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GB"/>
              <a:t>Click to edit Master title style</a:t>
            </a:r>
            <a:endParaRPr lang="en-US"/>
          </a:p>
        </p:txBody>
      </p:sp>
      <p:sp>
        <p:nvSpPr>
          <p:cNvPr id="13" name="Footer Placeholder 12">
            <a:extLst>
              <a:ext uri="{FF2B5EF4-FFF2-40B4-BE49-F238E27FC236}">
                <a16:creationId xmlns:a16="http://schemas.microsoft.com/office/drawing/2014/main" id="{4EF6D3DB-7C68-D64F-B92F-E25D0AACE712}"/>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Tree>
    <p:extLst>
      <p:ext uri="{BB962C8B-B14F-4D97-AF65-F5344CB8AC3E}">
        <p14:creationId xmlns:p14="http://schemas.microsoft.com/office/powerpoint/2010/main" val="3041645478"/>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Lst>
  <p:txStyles>
    <p:titleStyle>
      <a:lvl1pPr algn="l" defTabSz="914400" rtl="0" eaLnBrk="1" latinLnBrk="0" hangingPunct="1">
        <a:lnSpc>
          <a:spcPct val="90000"/>
        </a:lnSpc>
        <a:spcBef>
          <a:spcPct val="0"/>
        </a:spcBef>
        <a:buNone/>
        <a:defRPr sz="2000" b="1" i="0" kern="1200" cap="all" spc="250" baseline="0">
          <a:solidFill>
            <a:srgbClr val="68A495"/>
          </a:solidFill>
          <a:latin typeface="Roboto" panose="02000000000000000000" pitchFamily="2"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1600" kern="1200" baseline="0">
          <a:solidFill>
            <a:schemeClr val="tx1"/>
          </a:solidFill>
          <a:latin typeface="Roboto Slab" pitchFamily="2" charset="0"/>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200" kern="1200" baseline="0">
          <a:solidFill>
            <a:schemeClr val="tx1"/>
          </a:solidFill>
          <a:latin typeface="Roboto Slab" pitchFamily="2"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8" Type="http://schemas.openxmlformats.org/officeDocument/2006/relationships/hyperlink" Target="https://recportal.co.uk/" TargetMode="External"/><Relationship Id="rId3" Type="http://schemas.openxmlformats.org/officeDocument/2006/relationships/image" Target="../media/image6.png"/><Relationship Id="rId7"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14.xml"/><Relationship Id="rId6" Type="http://schemas.openxmlformats.org/officeDocument/2006/relationships/slide" Target="slide3.xml"/><Relationship Id="rId11" Type="http://schemas.openxmlformats.org/officeDocument/2006/relationships/image" Target="../media/image15.png"/><Relationship Id="rId5" Type="http://schemas.openxmlformats.org/officeDocument/2006/relationships/image" Target="../media/image8.png"/><Relationship Id="rId10" Type="http://schemas.openxmlformats.org/officeDocument/2006/relationships/image" Target="../media/image11.png"/><Relationship Id="rId4" Type="http://schemas.openxmlformats.org/officeDocument/2006/relationships/image" Target="../media/image9.png"/><Relationship Id="rId9" Type="http://schemas.openxmlformats.org/officeDocument/2006/relationships/image" Target="../media/image7.png"/></Relationships>
</file>

<file path=ppt/slides/_rels/slide11.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image" Target="../media/image6.png"/><Relationship Id="rId7"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14.xml"/><Relationship Id="rId6" Type="http://schemas.openxmlformats.org/officeDocument/2006/relationships/slide" Target="slide3.xml"/><Relationship Id="rId11" Type="http://schemas.openxmlformats.org/officeDocument/2006/relationships/hyperlink" Target="https://recportal.co.uk/documents/20121/0/Performance-Assurance-Board-PAB-Procedures-v2.0-Final+%281%29.pdf" TargetMode="External"/><Relationship Id="rId5" Type="http://schemas.openxmlformats.org/officeDocument/2006/relationships/image" Target="../media/image8.png"/><Relationship Id="rId10" Type="http://schemas.openxmlformats.org/officeDocument/2006/relationships/image" Target="../media/image7.png"/><Relationship Id="rId4" Type="http://schemas.openxmlformats.org/officeDocument/2006/relationships/image" Target="../media/image9.png"/><Relationship Id="rId9" Type="http://schemas.openxmlformats.org/officeDocument/2006/relationships/hyperlink" Target="https://recportal.co.uk/" TargetMode="External"/></Relationships>
</file>

<file path=ppt/slides/_rels/slide12.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9.png"/><Relationship Id="rId7" Type="http://schemas.openxmlformats.org/officeDocument/2006/relationships/hyperlink" Target="https://recportal.co.uk/" TargetMode="External"/><Relationship Id="rId2" Type="http://schemas.openxmlformats.org/officeDocument/2006/relationships/image" Target="../media/image6.png"/><Relationship Id="rId1" Type="http://schemas.openxmlformats.org/officeDocument/2006/relationships/slideLayout" Target="../slideLayouts/slideLayout14.xml"/><Relationship Id="rId6" Type="http://schemas.openxmlformats.org/officeDocument/2006/relationships/image" Target="../media/image12.png"/><Relationship Id="rId5" Type="http://schemas.openxmlformats.org/officeDocument/2006/relationships/slide" Target="slide3.xml"/><Relationship Id="rId4" Type="http://schemas.openxmlformats.org/officeDocument/2006/relationships/image" Target="../media/image8.png"/><Relationship Id="rId9" Type="http://schemas.openxmlformats.org/officeDocument/2006/relationships/image" Target="../media/image14.jpeg"/></Relationships>
</file>

<file path=ppt/slides/_rels/slide2.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5.jpeg"/><Relationship Id="rId7"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7.xml"/><Relationship Id="rId6" Type="http://schemas.openxmlformats.org/officeDocument/2006/relationships/image" Target="../media/image7.png"/><Relationship Id="rId5" Type="http://schemas.openxmlformats.org/officeDocument/2006/relationships/hyperlink" Target="https://recportal.co.uk/" TargetMode="External"/><Relationship Id="rId4" Type="http://schemas.openxmlformats.org/officeDocument/2006/relationships/image" Target="../media/image6.png"/></Relationships>
</file>

<file path=ppt/slides/_rels/slide3.xml.rels><?xml version="1.0" encoding="UTF-8" standalone="yes"?>
<Relationships xmlns="http://schemas.openxmlformats.org/package/2006/relationships"><Relationship Id="rId8" Type="http://schemas.openxmlformats.org/officeDocument/2006/relationships/diagramData" Target="../diagrams/data1.xml"/><Relationship Id="rId13" Type="http://schemas.openxmlformats.org/officeDocument/2006/relationships/slide" Target="slide4.xml"/><Relationship Id="rId18" Type="http://schemas.openxmlformats.org/officeDocument/2006/relationships/slide" Target="slide12.xml"/><Relationship Id="rId3" Type="http://schemas.openxmlformats.org/officeDocument/2006/relationships/image" Target="../media/image6.png"/><Relationship Id="rId7" Type="http://schemas.openxmlformats.org/officeDocument/2006/relationships/image" Target="../media/image7.png"/><Relationship Id="rId12" Type="http://schemas.microsoft.com/office/2007/relationships/diagramDrawing" Target="../diagrams/drawing1.xml"/><Relationship Id="rId17" Type="http://schemas.openxmlformats.org/officeDocument/2006/relationships/slide" Target="slide11.xml"/><Relationship Id="rId2" Type="http://schemas.openxmlformats.org/officeDocument/2006/relationships/notesSlide" Target="../notesSlides/notesSlide3.xml"/><Relationship Id="rId16" Type="http://schemas.openxmlformats.org/officeDocument/2006/relationships/slide" Target="slide10.xml"/><Relationship Id="rId1" Type="http://schemas.openxmlformats.org/officeDocument/2006/relationships/slideLayout" Target="../slideLayouts/slideLayout13.xml"/><Relationship Id="rId6" Type="http://schemas.openxmlformats.org/officeDocument/2006/relationships/hyperlink" Target="https://recportal.co.uk/" TargetMode="External"/><Relationship Id="rId11" Type="http://schemas.openxmlformats.org/officeDocument/2006/relationships/diagramColors" Target="../diagrams/colors1.xml"/><Relationship Id="rId5" Type="http://schemas.openxmlformats.org/officeDocument/2006/relationships/image" Target="../media/image8.png"/><Relationship Id="rId15" Type="http://schemas.openxmlformats.org/officeDocument/2006/relationships/slide" Target="slide6.xml"/><Relationship Id="rId10" Type="http://schemas.openxmlformats.org/officeDocument/2006/relationships/diagramQuickStyle" Target="../diagrams/quickStyle1.xml"/><Relationship Id="rId19" Type="http://schemas.openxmlformats.org/officeDocument/2006/relationships/image" Target="../media/image10.jpg"/><Relationship Id="rId4" Type="http://schemas.openxmlformats.org/officeDocument/2006/relationships/image" Target="../media/image9.png"/><Relationship Id="rId9" Type="http://schemas.openxmlformats.org/officeDocument/2006/relationships/diagramLayout" Target="../diagrams/layout1.xml"/><Relationship Id="rId14" Type="http://schemas.openxmlformats.org/officeDocument/2006/relationships/slide" Target="slide5.xml"/></Relationships>
</file>

<file path=ppt/slides/_rels/slide4.xml.rels><?xml version="1.0" encoding="UTF-8" standalone="yes"?>
<Relationships xmlns="http://schemas.openxmlformats.org/package/2006/relationships"><Relationship Id="rId8" Type="http://schemas.microsoft.com/office/2007/relationships/diagramDrawing" Target="../diagrams/drawing2.xml"/><Relationship Id="rId13" Type="http://schemas.openxmlformats.org/officeDocument/2006/relationships/slide" Target="slide3.xml"/><Relationship Id="rId18" Type="http://schemas.openxmlformats.org/officeDocument/2006/relationships/image" Target="../media/image14.jpeg"/><Relationship Id="rId3" Type="http://schemas.openxmlformats.org/officeDocument/2006/relationships/notesSlide" Target="../notesSlides/notesSlide4.xml"/><Relationship Id="rId7" Type="http://schemas.openxmlformats.org/officeDocument/2006/relationships/diagramColors" Target="../diagrams/colors2.xml"/><Relationship Id="rId12" Type="http://schemas.openxmlformats.org/officeDocument/2006/relationships/image" Target="../media/image8.png"/><Relationship Id="rId17" Type="http://schemas.openxmlformats.org/officeDocument/2006/relationships/image" Target="../media/image13.jpeg"/><Relationship Id="rId2" Type="http://schemas.openxmlformats.org/officeDocument/2006/relationships/slideLayout" Target="../slideLayouts/slideLayout18.xml"/><Relationship Id="rId16" Type="http://schemas.openxmlformats.org/officeDocument/2006/relationships/image" Target="../media/image7.png"/><Relationship Id="rId1" Type="http://schemas.openxmlformats.org/officeDocument/2006/relationships/tags" Target="../tags/tag1.xml"/><Relationship Id="rId6" Type="http://schemas.openxmlformats.org/officeDocument/2006/relationships/diagramQuickStyle" Target="../diagrams/quickStyle2.xml"/><Relationship Id="rId11" Type="http://schemas.openxmlformats.org/officeDocument/2006/relationships/image" Target="../media/image9.png"/><Relationship Id="rId5" Type="http://schemas.openxmlformats.org/officeDocument/2006/relationships/diagramLayout" Target="../diagrams/layout2.xml"/><Relationship Id="rId15" Type="http://schemas.openxmlformats.org/officeDocument/2006/relationships/hyperlink" Target="https://recportal.co.uk/" TargetMode="External"/><Relationship Id="rId10" Type="http://schemas.openxmlformats.org/officeDocument/2006/relationships/image" Target="../media/image6.png"/><Relationship Id="rId4" Type="http://schemas.openxmlformats.org/officeDocument/2006/relationships/diagramData" Target="../diagrams/data2.xml"/><Relationship Id="rId9" Type="http://schemas.openxmlformats.org/officeDocument/2006/relationships/image" Target="../media/image11.png"/><Relationship Id="rId14" Type="http://schemas.openxmlformats.org/officeDocument/2006/relationships/image" Target="../media/image12.png"/></Relationships>
</file>

<file path=ppt/slides/_rels/slide5.xml.rels><?xml version="1.0" encoding="UTF-8" standalone="yes"?>
<Relationships xmlns="http://schemas.openxmlformats.org/package/2006/relationships"><Relationship Id="rId8" Type="http://schemas.openxmlformats.org/officeDocument/2006/relationships/hyperlink" Target="https://recportal.co.uk/" TargetMode="External"/><Relationship Id="rId3" Type="http://schemas.openxmlformats.org/officeDocument/2006/relationships/image" Target="../media/image6.png"/><Relationship Id="rId7" Type="http://schemas.openxmlformats.org/officeDocument/2006/relationships/image" Target="../media/image12.png"/><Relationship Id="rId2" Type="http://schemas.openxmlformats.org/officeDocument/2006/relationships/notesSlide" Target="../notesSlides/notesSlide5.xml"/><Relationship Id="rId1" Type="http://schemas.openxmlformats.org/officeDocument/2006/relationships/slideLayout" Target="../slideLayouts/slideLayout18.xml"/><Relationship Id="rId6" Type="http://schemas.openxmlformats.org/officeDocument/2006/relationships/slide" Target="slide3.xml"/><Relationship Id="rId5" Type="http://schemas.openxmlformats.org/officeDocument/2006/relationships/image" Target="../media/image8.png"/><Relationship Id="rId4" Type="http://schemas.openxmlformats.org/officeDocument/2006/relationships/image" Target="../media/image9.png"/><Relationship Id="rId9" Type="http://schemas.openxmlformats.org/officeDocument/2006/relationships/image" Target="../media/image7.png"/></Relationships>
</file>

<file path=ppt/slides/_rels/slide6.xml.rels><?xml version="1.0" encoding="UTF-8" standalone="yes"?>
<Relationships xmlns="http://schemas.openxmlformats.org/package/2006/relationships"><Relationship Id="rId8" Type="http://schemas.openxmlformats.org/officeDocument/2006/relationships/hyperlink" Target="https://recportal.co.uk/" TargetMode="External"/><Relationship Id="rId3" Type="http://schemas.openxmlformats.org/officeDocument/2006/relationships/image" Target="../media/image6.png"/><Relationship Id="rId7" Type="http://schemas.openxmlformats.org/officeDocument/2006/relationships/image" Target="../media/image12.png"/><Relationship Id="rId2" Type="http://schemas.openxmlformats.org/officeDocument/2006/relationships/notesSlide" Target="../notesSlides/notesSlide6.xml"/><Relationship Id="rId1" Type="http://schemas.openxmlformats.org/officeDocument/2006/relationships/slideLayout" Target="../slideLayouts/slideLayout14.xml"/><Relationship Id="rId6" Type="http://schemas.openxmlformats.org/officeDocument/2006/relationships/slide" Target="slide3.xml"/><Relationship Id="rId5" Type="http://schemas.openxmlformats.org/officeDocument/2006/relationships/image" Target="../media/image8.png"/><Relationship Id="rId10" Type="http://schemas.openxmlformats.org/officeDocument/2006/relationships/hyperlink" Target="https://recportal.co.uk/documents/20121/0/REC-Entry-Assessment-Information-Pack-v.1.0-Final+%281%29.pdf/b955ffb1-4812-4a9a-b9f4-2f3ff794e008?t=1630935851905" TargetMode="External"/><Relationship Id="rId4" Type="http://schemas.openxmlformats.org/officeDocument/2006/relationships/image" Target="../media/image9.png"/><Relationship Id="rId9" Type="http://schemas.openxmlformats.org/officeDocument/2006/relationships/image" Target="../media/image7.png"/></Relationships>
</file>

<file path=ppt/slides/_rels/slide7.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9.png"/><Relationship Id="rId7" Type="http://schemas.openxmlformats.org/officeDocument/2006/relationships/hyperlink" Target="https://recportal.co.uk/" TargetMode="External"/><Relationship Id="rId2" Type="http://schemas.openxmlformats.org/officeDocument/2006/relationships/image" Target="../media/image6.png"/><Relationship Id="rId1" Type="http://schemas.openxmlformats.org/officeDocument/2006/relationships/slideLayout" Target="../slideLayouts/slideLayout14.xml"/><Relationship Id="rId6" Type="http://schemas.openxmlformats.org/officeDocument/2006/relationships/image" Target="../media/image12.png"/><Relationship Id="rId5" Type="http://schemas.openxmlformats.org/officeDocument/2006/relationships/slide" Target="slide3.xml"/><Relationship Id="rId4" Type="http://schemas.openxmlformats.org/officeDocument/2006/relationships/image" Target="../media/image8.png"/><Relationship Id="rId9" Type="http://schemas.openxmlformats.org/officeDocument/2006/relationships/image" Target="../media/image11.png"/></Relationships>
</file>

<file path=ppt/slides/_rels/slide8.xml.rels><?xml version="1.0" encoding="UTF-8" standalone="yes"?>
<Relationships xmlns="http://schemas.openxmlformats.org/package/2006/relationships"><Relationship Id="rId8" Type="http://schemas.openxmlformats.org/officeDocument/2006/relationships/hyperlink" Target="https://recportal.co.uk/" TargetMode="External"/><Relationship Id="rId3" Type="http://schemas.openxmlformats.org/officeDocument/2006/relationships/image" Target="../media/image6.png"/><Relationship Id="rId7" Type="http://schemas.openxmlformats.org/officeDocument/2006/relationships/image" Target="../media/image12.png"/><Relationship Id="rId2" Type="http://schemas.openxmlformats.org/officeDocument/2006/relationships/notesSlide" Target="../notesSlides/notesSlide7.xml"/><Relationship Id="rId1" Type="http://schemas.openxmlformats.org/officeDocument/2006/relationships/slideLayout" Target="../slideLayouts/slideLayout14.xml"/><Relationship Id="rId6" Type="http://schemas.openxmlformats.org/officeDocument/2006/relationships/slide" Target="slide3.xml"/><Relationship Id="rId5" Type="http://schemas.openxmlformats.org/officeDocument/2006/relationships/image" Target="../media/image8.png"/><Relationship Id="rId10" Type="http://schemas.openxmlformats.org/officeDocument/2006/relationships/image" Target="../media/image13.jpeg"/><Relationship Id="rId4" Type="http://schemas.openxmlformats.org/officeDocument/2006/relationships/image" Target="../media/image9.png"/><Relationship Id="rId9" Type="http://schemas.openxmlformats.org/officeDocument/2006/relationships/image" Target="../media/image7.png"/></Relationships>
</file>

<file path=ppt/slides/_rels/slide9.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9.png"/><Relationship Id="rId7" Type="http://schemas.openxmlformats.org/officeDocument/2006/relationships/hyperlink" Target="https://recportal.co.uk/" TargetMode="External"/><Relationship Id="rId2" Type="http://schemas.openxmlformats.org/officeDocument/2006/relationships/image" Target="../media/image6.png"/><Relationship Id="rId1" Type="http://schemas.openxmlformats.org/officeDocument/2006/relationships/slideLayout" Target="../slideLayouts/slideLayout14.xml"/><Relationship Id="rId6" Type="http://schemas.openxmlformats.org/officeDocument/2006/relationships/image" Target="../media/image12.png"/><Relationship Id="rId5" Type="http://schemas.openxmlformats.org/officeDocument/2006/relationships/slide" Target="slide3.xml"/><Relationship Id="rId4" Type="http://schemas.openxmlformats.org/officeDocument/2006/relationships/image" Target="../media/image8.png"/><Relationship Id="rId9" Type="http://schemas.openxmlformats.org/officeDocument/2006/relationships/image" Target="../media/image14.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D1A18E-7665-41B4-A5E3-241CC85BDC1C}"/>
              </a:ext>
            </a:extLst>
          </p:cNvPr>
          <p:cNvSpPr>
            <a:spLocks noGrp="1"/>
          </p:cNvSpPr>
          <p:nvPr>
            <p:ph type="ctrTitle"/>
          </p:nvPr>
        </p:nvSpPr>
        <p:spPr>
          <a:xfrm>
            <a:off x="2098656" y="4812146"/>
            <a:ext cx="6220407" cy="1795748"/>
          </a:xfrm>
        </p:spPr>
        <p:txBody>
          <a:bodyPr anchor="t">
            <a:normAutofit/>
          </a:bodyPr>
          <a:lstStyle/>
          <a:p>
            <a:pPr>
              <a:lnSpc>
                <a:spcPct val="100000"/>
              </a:lnSpc>
            </a:pPr>
            <a:r>
              <a:rPr lang="en-GB" b="1" dirty="0"/>
              <a:t>   </a:t>
            </a:r>
            <a:br>
              <a:rPr lang="en-GB" b="1" dirty="0"/>
            </a:br>
            <a:r>
              <a:rPr lang="en-GB" b="1" dirty="0"/>
              <a:t>   </a:t>
            </a:r>
            <a:r>
              <a:rPr lang="en-GB" b="1" dirty="0">
                <a:latin typeface="Roboto"/>
              </a:rPr>
              <a:t>METERING CODES OF PRACTICE</a:t>
            </a:r>
            <a:br>
              <a:rPr lang="en-GB" b="1" dirty="0"/>
            </a:br>
            <a:r>
              <a:rPr lang="en-GB" b="1" dirty="0"/>
              <a:t>   </a:t>
            </a:r>
            <a:r>
              <a:rPr lang="en-GB" sz="1800" b="1" dirty="0">
                <a:latin typeface="Roboto" panose="02000000000000000000"/>
              </a:rPr>
              <a:t>USER GUIDE</a:t>
            </a:r>
            <a:br>
              <a:rPr lang="en-GB" dirty="0"/>
            </a:br>
            <a:r>
              <a:rPr lang="en-GB" dirty="0"/>
              <a:t>   </a:t>
            </a:r>
            <a:r>
              <a:rPr lang="en-GB" sz="1600" b="1" dirty="0">
                <a:latin typeface="Roboto" panose="02000000000000000000"/>
              </a:rPr>
              <a:t>April 2023</a:t>
            </a:r>
            <a:endParaRPr lang="en-GB" b="1" dirty="0">
              <a:latin typeface="Roboto" panose="02000000000000000000"/>
            </a:endParaRPr>
          </a:p>
        </p:txBody>
      </p:sp>
      <p:sp>
        <p:nvSpPr>
          <p:cNvPr id="3" name="Rectangle 2">
            <a:extLst>
              <a:ext uri="{FF2B5EF4-FFF2-40B4-BE49-F238E27FC236}">
                <a16:creationId xmlns:a16="http://schemas.microsoft.com/office/drawing/2014/main" id="{04D80BBB-C5F1-4ADB-A1F2-F23D19087A35}"/>
              </a:ext>
            </a:extLst>
          </p:cNvPr>
          <p:cNvSpPr/>
          <p:nvPr/>
        </p:nvSpPr>
        <p:spPr>
          <a:xfrm>
            <a:off x="2186791" y="5186720"/>
            <a:ext cx="258954" cy="1158996"/>
          </a:xfrm>
          <a:prstGeom prst="rect">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GB"/>
          </a:p>
        </p:txBody>
      </p:sp>
      <p:pic>
        <p:nvPicPr>
          <p:cNvPr id="4" name="Picture 3">
            <a:extLst>
              <a:ext uri="{FF2B5EF4-FFF2-40B4-BE49-F238E27FC236}">
                <a16:creationId xmlns:a16="http://schemas.microsoft.com/office/drawing/2014/main" id="{EC857281-596C-4E3A-99F9-213CB7EEE00C}"/>
              </a:ext>
            </a:extLst>
          </p:cNvPr>
          <p:cNvPicPr>
            <a:picLocks noChangeAspect="1"/>
          </p:cNvPicPr>
          <p:nvPr/>
        </p:nvPicPr>
        <p:blipFill>
          <a:blip r:embed="rId3"/>
          <a:stretch>
            <a:fillRect/>
          </a:stretch>
        </p:blipFill>
        <p:spPr>
          <a:xfrm>
            <a:off x="10079860" y="5710866"/>
            <a:ext cx="1047750" cy="628650"/>
          </a:xfrm>
          <a:prstGeom prst="rect">
            <a:avLst/>
          </a:prstGeom>
        </p:spPr>
      </p:pic>
    </p:spTree>
    <p:extLst>
      <p:ext uri="{BB962C8B-B14F-4D97-AF65-F5344CB8AC3E}">
        <p14:creationId xmlns:p14="http://schemas.microsoft.com/office/powerpoint/2010/main" val="49629790"/>
      </p:ext>
    </p:extLst>
  </p:cSld>
  <p:clrMapOvr>
    <a:masterClrMapping/>
  </p:clrMapOvr>
  <mc:AlternateContent xmlns:mc="http://schemas.openxmlformats.org/markup-compatibility/2006" xmlns:p14="http://schemas.microsoft.com/office/powerpoint/2010/main">
    <mc:Choice Requires="p14">
      <p:transition spd="slow" p14:dur="2000" advTm="0"/>
    </mc:Choice>
    <mc:Fallback xmlns="">
      <p:transition spd="slow" advTm="0"/>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D53BB751-ACC1-44C5-8742-7955B55D267E}"/>
              </a:ext>
            </a:extLst>
          </p:cNvPr>
          <p:cNvPicPr>
            <a:picLocks noChangeAspect="1"/>
          </p:cNvPicPr>
          <p:nvPr/>
        </p:nvPicPr>
        <p:blipFill rotWithShape="1">
          <a:blip r:embed="rId3"/>
          <a:srcRect r="5961" b="1387"/>
          <a:stretch/>
        </p:blipFill>
        <p:spPr>
          <a:xfrm>
            <a:off x="1" y="1"/>
            <a:ext cx="2355742" cy="6509288"/>
          </a:xfrm>
          <a:prstGeom prst="rect">
            <a:avLst/>
          </a:prstGeom>
        </p:spPr>
      </p:pic>
      <p:sp>
        <p:nvSpPr>
          <p:cNvPr id="16" name="Title 1">
            <a:extLst>
              <a:ext uri="{FF2B5EF4-FFF2-40B4-BE49-F238E27FC236}">
                <a16:creationId xmlns:a16="http://schemas.microsoft.com/office/drawing/2014/main" id="{8CC6EEB4-4DA3-4F8F-8815-B664161E3471}"/>
              </a:ext>
            </a:extLst>
          </p:cNvPr>
          <p:cNvSpPr txBox="1">
            <a:spLocks/>
          </p:cNvSpPr>
          <p:nvPr/>
        </p:nvSpPr>
        <p:spPr>
          <a:xfrm>
            <a:off x="2444235" y="1278774"/>
            <a:ext cx="7554686" cy="67844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000" b="1" i="0" kern="1200" cap="all" spc="250" baseline="0">
                <a:solidFill>
                  <a:srgbClr val="68A495"/>
                </a:solidFill>
                <a:latin typeface="Roboto" panose="02000000000000000000" pitchFamily="2" charset="0"/>
                <a:ea typeface="+mj-ea"/>
                <a:cs typeface="+mj-cs"/>
              </a:defRPr>
            </a:lvl1pPr>
          </a:lstStyle>
          <a:p>
            <a:r>
              <a:rPr lang="en-GB" sz="2400" dirty="0"/>
              <a:t>AUDITS  </a:t>
            </a:r>
            <a:br>
              <a:rPr lang="en-GB" sz="2400" dirty="0"/>
            </a:br>
            <a:endParaRPr lang="en-GB" sz="2400" dirty="0"/>
          </a:p>
        </p:txBody>
      </p:sp>
      <p:pic>
        <p:nvPicPr>
          <p:cNvPr id="18" name="Picture 17">
            <a:hlinkClick r:id="" action="ppaction://hlinkshowjump?jump=nextslide"/>
            <a:extLst>
              <a:ext uri="{FF2B5EF4-FFF2-40B4-BE49-F238E27FC236}">
                <a16:creationId xmlns:a16="http://schemas.microsoft.com/office/drawing/2014/main" id="{70BE71A8-82FC-4D73-809F-564019C5F2B4}"/>
              </a:ext>
            </a:extLst>
          </p:cNvPr>
          <p:cNvPicPr>
            <a:picLocks noChangeAspect="1"/>
          </p:cNvPicPr>
          <p:nvPr/>
        </p:nvPicPr>
        <p:blipFill>
          <a:blip r:embed="rId4"/>
          <a:stretch>
            <a:fillRect/>
          </a:stretch>
        </p:blipFill>
        <p:spPr>
          <a:xfrm>
            <a:off x="11127525" y="305316"/>
            <a:ext cx="704850" cy="447675"/>
          </a:xfrm>
          <a:prstGeom prst="rect">
            <a:avLst/>
          </a:prstGeom>
        </p:spPr>
      </p:pic>
      <p:pic>
        <p:nvPicPr>
          <p:cNvPr id="19" name="Picture 18">
            <a:hlinkClick r:id="" action="ppaction://hlinkshowjump?jump=previousslide"/>
            <a:extLst>
              <a:ext uri="{FF2B5EF4-FFF2-40B4-BE49-F238E27FC236}">
                <a16:creationId xmlns:a16="http://schemas.microsoft.com/office/drawing/2014/main" id="{E88D872D-259A-45BF-9AF4-EECB9F2475F9}"/>
              </a:ext>
            </a:extLst>
          </p:cNvPr>
          <p:cNvPicPr>
            <a:picLocks noChangeAspect="1"/>
          </p:cNvPicPr>
          <p:nvPr/>
        </p:nvPicPr>
        <p:blipFill>
          <a:blip r:embed="rId5"/>
          <a:stretch>
            <a:fillRect/>
          </a:stretch>
        </p:blipFill>
        <p:spPr>
          <a:xfrm>
            <a:off x="5041765" y="305316"/>
            <a:ext cx="676275" cy="533400"/>
          </a:xfrm>
          <a:prstGeom prst="rect">
            <a:avLst/>
          </a:prstGeom>
        </p:spPr>
      </p:pic>
      <p:pic>
        <p:nvPicPr>
          <p:cNvPr id="21" name="Picture 20">
            <a:hlinkClick r:id="rId6" action="ppaction://hlinksldjump"/>
            <a:extLst>
              <a:ext uri="{FF2B5EF4-FFF2-40B4-BE49-F238E27FC236}">
                <a16:creationId xmlns:a16="http://schemas.microsoft.com/office/drawing/2014/main" id="{17153C90-C548-43F6-98E9-61AA50FF55C4}"/>
              </a:ext>
            </a:extLst>
          </p:cNvPr>
          <p:cNvPicPr>
            <a:picLocks noChangeAspect="1"/>
          </p:cNvPicPr>
          <p:nvPr/>
        </p:nvPicPr>
        <p:blipFill>
          <a:blip r:embed="rId7"/>
          <a:stretch>
            <a:fillRect/>
          </a:stretch>
        </p:blipFill>
        <p:spPr>
          <a:xfrm>
            <a:off x="3917185" y="322134"/>
            <a:ext cx="485775" cy="477679"/>
          </a:xfrm>
          <a:prstGeom prst="rect">
            <a:avLst/>
          </a:prstGeom>
        </p:spPr>
      </p:pic>
      <p:sp>
        <p:nvSpPr>
          <p:cNvPr id="22" name="Rectangle 21">
            <a:extLst>
              <a:ext uri="{FF2B5EF4-FFF2-40B4-BE49-F238E27FC236}">
                <a16:creationId xmlns:a16="http://schemas.microsoft.com/office/drawing/2014/main" id="{AF9B18FE-9F31-405F-8896-6529EDB8982B}"/>
              </a:ext>
            </a:extLst>
          </p:cNvPr>
          <p:cNvSpPr/>
          <p:nvPr/>
        </p:nvSpPr>
        <p:spPr>
          <a:xfrm>
            <a:off x="2444235" y="1880810"/>
            <a:ext cx="8892123" cy="954107"/>
          </a:xfrm>
          <a:prstGeom prst="rect">
            <a:avLst/>
          </a:prstGeom>
        </p:spPr>
        <p:txBody>
          <a:bodyPr wrap="square">
            <a:spAutoFit/>
          </a:bodyPr>
          <a:lstStyle/>
          <a:p>
            <a:r>
              <a:rPr lang="en-GB" sz="1400" dirty="0">
                <a:solidFill>
                  <a:srgbClr val="3C3C3B"/>
                </a:solidFill>
                <a:ea typeface="Arial" panose="020B0604020202020204" pitchFamily="34" charset="0"/>
                <a:cs typeface="Arial" panose="020B0604020202020204" pitchFamily="34" charset="0"/>
              </a:rPr>
              <a:t>Regular audits are required to monitor ongoing compliance with CoMCoP. Please note that it is your responsibility to pay the relevant audit fee to the scheme auditor – a failure to make payment could be escalated to the PAB and could result in you losing your accreditation. The scheme auditor will work with you to schedule and execute audits and report findings to the Code Manager. </a:t>
            </a:r>
            <a:endParaRPr lang="en-GB" sz="1400" dirty="0">
              <a:ea typeface="Arial" panose="020B0604020202020204" pitchFamily="34" charset="0"/>
              <a:cs typeface="Arial" panose="020B0604020202020204" pitchFamily="34" charset="0"/>
            </a:endParaRPr>
          </a:p>
        </p:txBody>
      </p:sp>
      <p:pic>
        <p:nvPicPr>
          <p:cNvPr id="12" name="Picture 11">
            <a:hlinkClick r:id="rId8"/>
            <a:extLst>
              <a:ext uri="{FF2B5EF4-FFF2-40B4-BE49-F238E27FC236}">
                <a16:creationId xmlns:a16="http://schemas.microsoft.com/office/drawing/2014/main" id="{DD71B236-87FD-4596-A9EB-C0D2B99F4E2B}"/>
              </a:ext>
            </a:extLst>
          </p:cNvPr>
          <p:cNvPicPr>
            <a:picLocks noChangeAspect="1"/>
          </p:cNvPicPr>
          <p:nvPr/>
        </p:nvPicPr>
        <p:blipFill>
          <a:blip r:embed="rId9"/>
          <a:stretch>
            <a:fillRect/>
          </a:stretch>
        </p:blipFill>
        <p:spPr>
          <a:xfrm>
            <a:off x="4453970" y="323563"/>
            <a:ext cx="485775" cy="476250"/>
          </a:xfrm>
          <a:prstGeom prst="rect">
            <a:avLst/>
          </a:prstGeom>
        </p:spPr>
      </p:pic>
      <p:grpSp>
        <p:nvGrpSpPr>
          <p:cNvPr id="14" name="Group 13">
            <a:extLst>
              <a:ext uri="{FF2B5EF4-FFF2-40B4-BE49-F238E27FC236}">
                <a16:creationId xmlns:a16="http://schemas.microsoft.com/office/drawing/2014/main" id="{61415257-71C0-B64C-934D-8BD568369481}"/>
              </a:ext>
            </a:extLst>
          </p:cNvPr>
          <p:cNvGrpSpPr/>
          <p:nvPr/>
        </p:nvGrpSpPr>
        <p:grpSpPr>
          <a:xfrm>
            <a:off x="2405940" y="3511940"/>
            <a:ext cx="1845881" cy="954110"/>
            <a:chOff x="2791149" y="4898782"/>
            <a:chExt cx="2085374" cy="539324"/>
          </a:xfrm>
        </p:grpSpPr>
        <p:sp>
          <p:nvSpPr>
            <p:cNvPr id="23" name="Rectangle: Rounded Corners 22">
              <a:extLst>
                <a:ext uri="{FF2B5EF4-FFF2-40B4-BE49-F238E27FC236}">
                  <a16:creationId xmlns:a16="http://schemas.microsoft.com/office/drawing/2014/main" id="{A29EB7BB-1A0B-D839-E09F-AB2721AA8020}"/>
                </a:ext>
              </a:extLst>
            </p:cNvPr>
            <p:cNvSpPr/>
            <p:nvPr/>
          </p:nvSpPr>
          <p:spPr>
            <a:xfrm>
              <a:off x="2889555" y="4898782"/>
              <a:ext cx="1870836" cy="539324"/>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20" name="TextBox 19">
              <a:extLst>
                <a:ext uri="{FF2B5EF4-FFF2-40B4-BE49-F238E27FC236}">
                  <a16:creationId xmlns:a16="http://schemas.microsoft.com/office/drawing/2014/main" id="{28BEC63B-9302-F826-74B1-F48CEBA2B279}"/>
                </a:ext>
              </a:extLst>
            </p:cNvPr>
            <p:cNvSpPr txBox="1"/>
            <p:nvPr/>
          </p:nvSpPr>
          <p:spPr>
            <a:xfrm>
              <a:off x="2791149" y="4989432"/>
              <a:ext cx="2085374" cy="352300"/>
            </a:xfrm>
            <a:prstGeom prst="rect">
              <a:avLst/>
            </a:prstGeom>
            <a:noFill/>
          </p:spPr>
          <p:txBody>
            <a:bodyPr wrap="square" rtlCol="0">
              <a:spAutoFit/>
            </a:bodyPr>
            <a:lstStyle/>
            <a:p>
              <a:pPr algn="ctr"/>
              <a:r>
                <a:rPr lang="en-GB" sz="1150" dirty="0">
                  <a:solidFill>
                    <a:schemeClr val="bg2"/>
                  </a:solidFill>
                </a:rPr>
                <a:t>Accreditation date</a:t>
              </a:r>
            </a:p>
            <a:p>
              <a:pPr algn="ctr"/>
              <a:r>
                <a:rPr lang="en-GB" sz="1150" dirty="0">
                  <a:solidFill>
                    <a:schemeClr val="bg2"/>
                  </a:solidFill>
                </a:rPr>
                <a:t>reviewed to determine</a:t>
              </a:r>
            </a:p>
            <a:p>
              <a:pPr algn="ctr"/>
              <a:r>
                <a:rPr lang="en-GB" sz="1150" dirty="0">
                  <a:solidFill>
                    <a:schemeClr val="bg2"/>
                  </a:solidFill>
                </a:rPr>
                <a:t>bi-annual audit dates.</a:t>
              </a:r>
            </a:p>
          </p:txBody>
        </p:sp>
      </p:grpSp>
      <p:cxnSp>
        <p:nvCxnSpPr>
          <p:cNvPr id="8" name="Straight Arrow Connector 7">
            <a:extLst>
              <a:ext uri="{FF2B5EF4-FFF2-40B4-BE49-F238E27FC236}">
                <a16:creationId xmlns:a16="http://schemas.microsoft.com/office/drawing/2014/main" id="{47A1820B-CCFA-3741-1253-87EF08A08CB4}"/>
              </a:ext>
            </a:extLst>
          </p:cNvPr>
          <p:cNvCxnSpPr>
            <a:cxnSpLocks/>
          </p:cNvCxnSpPr>
          <p:nvPr/>
        </p:nvCxnSpPr>
        <p:spPr>
          <a:xfrm flipV="1">
            <a:off x="5355060" y="4006152"/>
            <a:ext cx="425067" cy="1576"/>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 name="Straight Arrow Connector 8">
            <a:extLst>
              <a:ext uri="{FF2B5EF4-FFF2-40B4-BE49-F238E27FC236}">
                <a16:creationId xmlns:a16="http://schemas.microsoft.com/office/drawing/2014/main" id="{D6848DF9-1EAB-85B4-13CA-1CFB8CD9291F}"/>
              </a:ext>
            </a:extLst>
          </p:cNvPr>
          <p:cNvCxnSpPr>
            <a:cxnSpLocks/>
          </p:cNvCxnSpPr>
          <p:nvPr/>
        </p:nvCxnSpPr>
        <p:spPr>
          <a:xfrm flipV="1">
            <a:off x="4275521" y="4001450"/>
            <a:ext cx="425067" cy="1576"/>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pic>
        <p:nvPicPr>
          <p:cNvPr id="32" name="Picture 31">
            <a:extLst>
              <a:ext uri="{FF2B5EF4-FFF2-40B4-BE49-F238E27FC236}">
                <a16:creationId xmlns:a16="http://schemas.microsoft.com/office/drawing/2014/main" id="{6210E48B-1C46-1B2D-EBA2-CA5A60B2CC20}"/>
              </a:ext>
            </a:extLst>
          </p:cNvPr>
          <p:cNvPicPr>
            <a:picLocks noChangeAspect="1"/>
          </p:cNvPicPr>
          <p:nvPr/>
        </p:nvPicPr>
        <p:blipFill rotWithShape="1">
          <a:blip r:embed="rId10"/>
          <a:srcRect t="8821" r="74879"/>
          <a:stretch/>
        </p:blipFill>
        <p:spPr>
          <a:xfrm>
            <a:off x="4771077" y="3259116"/>
            <a:ext cx="455259" cy="441982"/>
          </a:xfrm>
          <a:prstGeom prst="rect">
            <a:avLst/>
          </a:prstGeom>
        </p:spPr>
      </p:pic>
      <p:pic>
        <p:nvPicPr>
          <p:cNvPr id="33" name="Picture 32">
            <a:extLst>
              <a:ext uri="{FF2B5EF4-FFF2-40B4-BE49-F238E27FC236}">
                <a16:creationId xmlns:a16="http://schemas.microsoft.com/office/drawing/2014/main" id="{42B2EBCD-866C-EDD2-24A6-B727C6DFA71E}"/>
              </a:ext>
            </a:extLst>
          </p:cNvPr>
          <p:cNvPicPr>
            <a:picLocks noChangeAspect="1"/>
          </p:cNvPicPr>
          <p:nvPr/>
        </p:nvPicPr>
        <p:blipFill rotWithShape="1">
          <a:blip r:embed="rId10"/>
          <a:srcRect l="24435" t="8821" r="50345"/>
          <a:stretch/>
        </p:blipFill>
        <p:spPr>
          <a:xfrm>
            <a:off x="4759678" y="3779496"/>
            <a:ext cx="457067" cy="441983"/>
          </a:xfrm>
          <a:prstGeom prst="rect">
            <a:avLst/>
          </a:prstGeom>
        </p:spPr>
      </p:pic>
      <p:pic>
        <p:nvPicPr>
          <p:cNvPr id="34" name="Picture 33">
            <a:extLst>
              <a:ext uri="{FF2B5EF4-FFF2-40B4-BE49-F238E27FC236}">
                <a16:creationId xmlns:a16="http://schemas.microsoft.com/office/drawing/2014/main" id="{C94BD421-FDC4-3ABE-5C47-D61E95827A84}"/>
              </a:ext>
            </a:extLst>
          </p:cNvPr>
          <p:cNvPicPr>
            <a:picLocks noChangeAspect="1"/>
          </p:cNvPicPr>
          <p:nvPr/>
        </p:nvPicPr>
        <p:blipFill rotWithShape="1">
          <a:blip r:embed="rId10"/>
          <a:srcRect l="49358" t="8294" r="25521"/>
          <a:stretch/>
        </p:blipFill>
        <p:spPr>
          <a:xfrm>
            <a:off x="4759677" y="4295557"/>
            <a:ext cx="457067" cy="446302"/>
          </a:xfrm>
          <a:prstGeom prst="rect">
            <a:avLst/>
          </a:prstGeom>
        </p:spPr>
      </p:pic>
      <p:grpSp>
        <p:nvGrpSpPr>
          <p:cNvPr id="37" name="Group 36">
            <a:extLst>
              <a:ext uri="{FF2B5EF4-FFF2-40B4-BE49-F238E27FC236}">
                <a16:creationId xmlns:a16="http://schemas.microsoft.com/office/drawing/2014/main" id="{C67340F2-716A-CF9A-807B-9C7D57565A80}"/>
              </a:ext>
            </a:extLst>
          </p:cNvPr>
          <p:cNvGrpSpPr/>
          <p:nvPr/>
        </p:nvGrpSpPr>
        <p:grpSpPr>
          <a:xfrm>
            <a:off x="5827527" y="3678001"/>
            <a:ext cx="1303552" cy="582617"/>
            <a:chOff x="2702899" y="4891210"/>
            <a:chExt cx="2015815" cy="539324"/>
          </a:xfrm>
        </p:grpSpPr>
        <p:sp>
          <p:nvSpPr>
            <p:cNvPr id="38" name="Rectangle: Rounded Corners 37">
              <a:extLst>
                <a:ext uri="{FF2B5EF4-FFF2-40B4-BE49-F238E27FC236}">
                  <a16:creationId xmlns:a16="http://schemas.microsoft.com/office/drawing/2014/main" id="{0BD6905B-E270-832A-1FAF-A1F8276858B3}"/>
                </a:ext>
              </a:extLst>
            </p:cNvPr>
            <p:cNvSpPr/>
            <p:nvPr/>
          </p:nvSpPr>
          <p:spPr>
            <a:xfrm>
              <a:off x="2702899" y="4891210"/>
              <a:ext cx="1870835" cy="539324"/>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39" name="TextBox 38">
              <a:extLst>
                <a:ext uri="{FF2B5EF4-FFF2-40B4-BE49-F238E27FC236}">
                  <a16:creationId xmlns:a16="http://schemas.microsoft.com/office/drawing/2014/main" id="{B5A6940F-563B-DB43-529B-DAA2E4568A68}"/>
                </a:ext>
              </a:extLst>
            </p:cNvPr>
            <p:cNvSpPr txBox="1"/>
            <p:nvPr/>
          </p:nvSpPr>
          <p:spPr>
            <a:xfrm>
              <a:off x="2716586" y="5043672"/>
              <a:ext cx="2002128" cy="249293"/>
            </a:xfrm>
            <a:prstGeom prst="rect">
              <a:avLst/>
            </a:prstGeom>
            <a:noFill/>
          </p:spPr>
          <p:txBody>
            <a:bodyPr wrap="square" rtlCol="0">
              <a:spAutoFit/>
            </a:bodyPr>
            <a:lstStyle/>
            <a:p>
              <a:pPr algn="ctr"/>
              <a:r>
                <a:rPr lang="en-GB" sz="1150" dirty="0">
                  <a:solidFill>
                    <a:schemeClr val="bg2"/>
                  </a:solidFill>
                </a:rPr>
                <a:t>Pay audit fee</a:t>
              </a:r>
            </a:p>
          </p:txBody>
        </p:sp>
      </p:grpSp>
      <p:grpSp>
        <p:nvGrpSpPr>
          <p:cNvPr id="43" name="Group 42">
            <a:extLst>
              <a:ext uri="{FF2B5EF4-FFF2-40B4-BE49-F238E27FC236}">
                <a16:creationId xmlns:a16="http://schemas.microsoft.com/office/drawing/2014/main" id="{8DDD6BCC-ECDE-D700-4A9B-2BAC6C13DFF5}"/>
              </a:ext>
            </a:extLst>
          </p:cNvPr>
          <p:cNvGrpSpPr/>
          <p:nvPr/>
        </p:nvGrpSpPr>
        <p:grpSpPr>
          <a:xfrm>
            <a:off x="7298174" y="3701100"/>
            <a:ext cx="1780640" cy="722012"/>
            <a:chOff x="2790214" y="4898782"/>
            <a:chExt cx="2069516" cy="668361"/>
          </a:xfrm>
        </p:grpSpPr>
        <p:sp>
          <p:nvSpPr>
            <p:cNvPr id="44" name="Rectangle: Rounded Corners 43">
              <a:extLst>
                <a:ext uri="{FF2B5EF4-FFF2-40B4-BE49-F238E27FC236}">
                  <a16:creationId xmlns:a16="http://schemas.microsoft.com/office/drawing/2014/main" id="{44C91CC0-3110-5831-572D-4AC4AAB01CFA}"/>
                </a:ext>
              </a:extLst>
            </p:cNvPr>
            <p:cNvSpPr/>
            <p:nvPr/>
          </p:nvSpPr>
          <p:spPr>
            <a:xfrm>
              <a:off x="2889555" y="4898782"/>
              <a:ext cx="1870836" cy="653049"/>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45" name="TextBox 44">
              <a:extLst>
                <a:ext uri="{FF2B5EF4-FFF2-40B4-BE49-F238E27FC236}">
                  <a16:creationId xmlns:a16="http://schemas.microsoft.com/office/drawing/2014/main" id="{C95091FB-C7AC-8CC6-C7E5-C1B4B5356F3F}"/>
                </a:ext>
              </a:extLst>
            </p:cNvPr>
            <p:cNvSpPr txBox="1"/>
            <p:nvPr/>
          </p:nvSpPr>
          <p:spPr>
            <a:xfrm>
              <a:off x="2790214" y="4990207"/>
              <a:ext cx="2069516" cy="576936"/>
            </a:xfrm>
            <a:prstGeom prst="rect">
              <a:avLst/>
            </a:prstGeom>
            <a:noFill/>
          </p:spPr>
          <p:txBody>
            <a:bodyPr wrap="square" rtlCol="0">
              <a:spAutoFit/>
            </a:bodyPr>
            <a:lstStyle/>
            <a:p>
              <a:pPr algn="ctr"/>
              <a:r>
                <a:rPr lang="en-GB" sz="1150" dirty="0">
                  <a:solidFill>
                    <a:schemeClr val="bg2"/>
                  </a:solidFill>
                </a:rPr>
                <a:t>Full Scope</a:t>
              </a:r>
            </a:p>
            <a:p>
              <a:pPr algn="ctr"/>
              <a:r>
                <a:rPr lang="en-GB" sz="1150" dirty="0">
                  <a:solidFill>
                    <a:schemeClr val="bg2"/>
                  </a:solidFill>
                </a:rPr>
                <a:t>Audit (desktop and site)</a:t>
              </a:r>
            </a:p>
          </p:txBody>
        </p:sp>
      </p:grpSp>
      <p:grpSp>
        <p:nvGrpSpPr>
          <p:cNvPr id="46" name="Group 45">
            <a:extLst>
              <a:ext uri="{FF2B5EF4-FFF2-40B4-BE49-F238E27FC236}">
                <a16:creationId xmlns:a16="http://schemas.microsoft.com/office/drawing/2014/main" id="{27DBE982-BE80-47BA-65F2-ED8D75F185BF}"/>
              </a:ext>
            </a:extLst>
          </p:cNvPr>
          <p:cNvGrpSpPr/>
          <p:nvPr/>
        </p:nvGrpSpPr>
        <p:grpSpPr>
          <a:xfrm>
            <a:off x="9344818" y="3672308"/>
            <a:ext cx="1294701" cy="863951"/>
            <a:chOff x="2782955" y="4898782"/>
            <a:chExt cx="2002128" cy="643993"/>
          </a:xfrm>
        </p:grpSpPr>
        <p:sp>
          <p:nvSpPr>
            <p:cNvPr id="47" name="Rectangle: Rounded Corners 46">
              <a:extLst>
                <a:ext uri="{FF2B5EF4-FFF2-40B4-BE49-F238E27FC236}">
                  <a16:creationId xmlns:a16="http://schemas.microsoft.com/office/drawing/2014/main" id="{D1E1B7FB-FCB9-0EB3-3E2C-0315942B41CB}"/>
                </a:ext>
              </a:extLst>
            </p:cNvPr>
            <p:cNvSpPr/>
            <p:nvPr/>
          </p:nvSpPr>
          <p:spPr>
            <a:xfrm>
              <a:off x="2889555" y="4898782"/>
              <a:ext cx="1870836" cy="539324"/>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48" name="TextBox 47">
              <a:extLst>
                <a:ext uri="{FF2B5EF4-FFF2-40B4-BE49-F238E27FC236}">
                  <a16:creationId xmlns:a16="http://schemas.microsoft.com/office/drawing/2014/main" id="{1A5BCC18-A74D-E934-4CEE-0F2489EA89D8}"/>
                </a:ext>
              </a:extLst>
            </p:cNvPr>
            <p:cNvSpPr txBox="1"/>
            <p:nvPr/>
          </p:nvSpPr>
          <p:spPr>
            <a:xfrm>
              <a:off x="2782955" y="4965839"/>
              <a:ext cx="2002128" cy="576936"/>
            </a:xfrm>
            <a:prstGeom prst="rect">
              <a:avLst/>
            </a:prstGeom>
            <a:noFill/>
          </p:spPr>
          <p:txBody>
            <a:bodyPr wrap="square" rtlCol="0">
              <a:spAutoFit/>
            </a:bodyPr>
            <a:lstStyle/>
            <a:p>
              <a:pPr algn="ctr"/>
              <a:r>
                <a:rPr lang="en-GB" sz="1150" dirty="0">
                  <a:solidFill>
                    <a:schemeClr val="bg2"/>
                  </a:solidFill>
                </a:rPr>
                <a:t>Resolve remedial </a:t>
              </a:r>
            </a:p>
            <a:p>
              <a:pPr algn="ctr"/>
              <a:r>
                <a:rPr lang="en-GB" sz="1150" dirty="0">
                  <a:solidFill>
                    <a:schemeClr val="bg2"/>
                  </a:solidFill>
                </a:rPr>
                <a:t>actions</a:t>
              </a:r>
            </a:p>
          </p:txBody>
        </p:sp>
      </p:grpSp>
      <p:grpSp>
        <p:nvGrpSpPr>
          <p:cNvPr id="49" name="Group 48">
            <a:extLst>
              <a:ext uri="{FF2B5EF4-FFF2-40B4-BE49-F238E27FC236}">
                <a16:creationId xmlns:a16="http://schemas.microsoft.com/office/drawing/2014/main" id="{9EEDC308-CB43-AF1D-FECF-040E1491038E}"/>
              </a:ext>
            </a:extLst>
          </p:cNvPr>
          <p:cNvGrpSpPr/>
          <p:nvPr/>
        </p:nvGrpSpPr>
        <p:grpSpPr>
          <a:xfrm>
            <a:off x="10899655" y="3722533"/>
            <a:ext cx="1294701" cy="582617"/>
            <a:chOff x="2843453" y="4898783"/>
            <a:chExt cx="2002128" cy="539324"/>
          </a:xfrm>
        </p:grpSpPr>
        <p:sp>
          <p:nvSpPr>
            <p:cNvPr id="50" name="Rectangle: Rounded Corners 49">
              <a:extLst>
                <a:ext uri="{FF2B5EF4-FFF2-40B4-BE49-F238E27FC236}">
                  <a16:creationId xmlns:a16="http://schemas.microsoft.com/office/drawing/2014/main" id="{ABD71769-34F5-3425-9036-06D43E1C4BCD}"/>
                </a:ext>
              </a:extLst>
            </p:cNvPr>
            <p:cNvSpPr/>
            <p:nvPr/>
          </p:nvSpPr>
          <p:spPr>
            <a:xfrm>
              <a:off x="2889555" y="4898783"/>
              <a:ext cx="1870835" cy="539324"/>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51" name="TextBox 50">
              <a:extLst>
                <a:ext uri="{FF2B5EF4-FFF2-40B4-BE49-F238E27FC236}">
                  <a16:creationId xmlns:a16="http://schemas.microsoft.com/office/drawing/2014/main" id="{BA035D62-16A1-2D00-1F7A-3959F6BC377B}"/>
                </a:ext>
              </a:extLst>
            </p:cNvPr>
            <p:cNvSpPr txBox="1"/>
            <p:nvPr/>
          </p:nvSpPr>
          <p:spPr>
            <a:xfrm>
              <a:off x="2843453" y="4975255"/>
              <a:ext cx="2002128" cy="413114"/>
            </a:xfrm>
            <a:prstGeom prst="rect">
              <a:avLst/>
            </a:prstGeom>
            <a:noFill/>
          </p:spPr>
          <p:txBody>
            <a:bodyPr wrap="square" rtlCol="0">
              <a:spAutoFit/>
            </a:bodyPr>
            <a:lstStyle/>
            <a:p>
              <a:pPr algn="ctr"/>
              <a:r>
                <a:rPr lang="en-GB" sz="1150" dirty="0">
                  <a:solidFill>
                    <a:schemeClr val="bg2"/>
                  </a:solidFill>
                </a:rPr>
                <a:t>Audit report </a:t>
              </a:r>
            </a:p>
            <a:p>
              <a:pPr algn="ctr"/>
              <a:r>
                <a:rPr lang="en-GB" sz="1150" dirty="0">
                  <a:solidFill>
                    <a:schemeClr val="bg2"/>
                  </a:solidFill>
                </a:rPr>
                <a:t>issued</a:t>
              </a:r>
            </a:p>
          </p:txBody>
        </p:sp>
      </p:grpSp>
      <p:grpSp>
        <p:nvGrpSpPr>
          <p:cNvPr id="52" name="Group 51">
            <a:extLst>
              <a:ext uri="{FF2B5EF4-FFF2-40B4-BE49-F238E27FC236}">
                <a16:creationId xmlns:a16="http://schemas.microsoft.com/office/drawing/2014/main" id="{0A6D109D-70AC-21C3-A5DD-9A512282DF17}"/>
              </a:ext>
            </a:extLst>
          </p:cNvPr>
          <p:cNvGrpSpPr/>
          <p:nvPr/>
        </p:nvGrpSpPr>
        <p:grpSpPr>
          <a:xfrm>
            <a:off x="2363534" y="5132884"/>
            <a:ext cx="1772195" cy="984134"/>
            <a:chOff x="2842154" y="4898782"/>
            <a:chExt cx="2002128" cy="556297"/>
          </a:xfrm>
        </p:grpSpPr>
        <p:sp>
          <p:nvSpPr>
            <p:cNvPr id="53" name="Rectangle: Rounded Corners 52">
              <a:extLst>
                <a:ext uri="{FF2B5EF4-FFF2-40B4-BE49-F238E27FC236}">
                  <a16:creationId xmlns:a16="http://schemas.microsoft.com/office/drawing/2014/main" id="{D18EBE6F-71D1-614A-A74E-B6648AE7BDC7}"/>
                </a:ext>
              </a:extLst>
            </p:cNvPr>
            <p:cNvSpPr/>
            <p:nvPr/>
          </p:nvSpPr>
          <p:spPr>
            <a:xfrm>
              <a:off x="2889555" y="4898782"/>
              <a:ext cx="1870836" cy="539324"/>
            </a:xfrm>
            <a:prstGeom prst="roundRect">
              <a:avLst/>
            </a:prstGeom>
            <a:solidFill>
              <a:srgbClr val="70AD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54" name="TextBox 53">
              <a:extLst>
                <a:ext uri="{FF2B5EF4-FFF2-40B4-BE49-F238E27FC236}">
                  <a16:creationId xmlns:a16="http://schemas.microsoft.com/office/drawing/2014/main" id="{444C141A-0872-AA81-C898-88B17072F619}"/>
                </a:ext>
              </a:extLst>
            </p:cNvPr>
            <p:cNvSpPr txBox="1"/>
            <p:nvPr/>
          </p:nvSpPr>
          <p:spPr>
            <a:xfrm>
              <a:off x="2842154" y="4933152"/>
              <a:ext cx="2002128" cy="521927"/>
            </a:xfrm>
            <a:prstGeom prst="rect">
              <a:avLst/>
            </a:prstGeom>
            <a:noFill/>
          </p:spPr>
          <p:txBody>
            <a:bodyPr wrap="square" rtlCol="0">
              <a:spAutoFit/>
            </a:bodyPr>
            <a:lstStyle/>
            <a:p>
              <a:pPr algn="ctr"/>
              <a:r>
                <a:rPr lang="en-GB" sz="900" dirty="0">
                  <a:solidFill>
                    <a:schemeClr val="bg2"/>
                  </a:solidFill>
                </a:rPr>
                <a:t>When you approach</a:t>
              </a:r>
            </a:p>
            <a:p>
              <a:pPr algn="ctr"/>
              <a:r>
                <a:rPr lang="en-GB" sz="900" dirty="0">
                  <a:solidFill>
                    <a:schemeClr val="bg2"/>
                  </a:solidFill>
                </a:rPr>
                <a:t>10,000 customers,</a:t>
              </a:r>
            </a:p>
            <a:p>
              <a:pPr algn="ctr"/>
              <a:r>
                <a:rPr lang="en-GB" sz="900" dirty="0">
                  <a:solidFill>
                    <a:schemeClr val="bg2"/>
                  </a:solidFill>
                </a:rPr>
                <a:t>install more 1,500 smart meters or declare non-compliance as part of your annual statement. </a:t>
              </a:r>
            </a:p>
          </p:txBody>
        </p:sp>
      </p:grpSp>
      <p:sp>
        <p:nvSpPr>
          <p:cNvPr id="59" name="Rectangle: Rounded Corners 58">
            <a:extLst>
              <a:ext uri="{FF2B5EF4-FFF2-40B4-BE49-F238E27FC236}">
                <a16:creationId xmlns:a16="http://schemas.microsoft.com/office/drawing/2014/main" id="{09EF5AAC-4914-445F-B0E7-A9BC54C993D7}"/>
              </a:ext>
            </a:extLst>
          </p:cNvPr>
          <p:cNvSpPr/>
          <p:nvPr/>
        </p:nvSpPr>
        <p:spPr>
          <a:xfrm>
            <a:off x="5082699" y="5132885"/>
            <a:ext cx="854569" cy="950956"/>
          </a:xfrm>
          <a:prstGeom prst="roundRect">
            <a:avLst/>
          </a:prstGeom>
          <a:solidFill>
            <a:srgbClr val="70AD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60" name="TextBox 59">
            <a:extLst>
              <a:ext uri="{FF2B5EF4-FFF2-40B4-BE49-F238E27FC236}">
                <a16:creationId xmlns:a16="http://schemas.microsoft.com/office/drawing/2014/main" id="{8569A7CE-FC59-5B78-C234-2F75F000FA65}"/>
              </a:ext>
            </a:extLst>
          </p:cNvPr>
          <p:cNvSpPr txBox="1"/>
          <p:nvPr/>
        </p:nvSpPr>
        <p:spPr>
          <a:xfrm>
            <a:off x="5087868" y="5244550"/>
            <a:ext cx="854569" cy="784830"/>
          </a:xfrm>
          <a:prstGeom prst="rect">
            <a:avLst/>
          </a:prstGeom>
          <a:noFill/>
        </p:spPr>
        <p:txBody>
          <a:bodyPr wrap="square" rtlCol="0">
            <a:spAutoFit/>
          </a:bodyPr>
          <a:lstStyle/>
          <a:p>
            <a:pPr algn="ctr"/>
            <a:r>
              <a:rPr lang="en-GB" sz="900" dirty="0">
                <a:solidFill>
                  <a:schemeClr val="bg2"/>
                </a:solidFill>
              </a:rPr>
              <a:t>Notify code</a:t>
            </a:r>
          </a:p>
          <a:p>
            <a:pPr algn="ctr"/>
            <a:r>
              <a:rPr lang="en-GB" sz="900" dirty="0">
                <a:solidFill>
                  <a:schemeClr val="bg2"/>
                </a:solidFill>
              </a:rPr>
              <a:t>manager you are ready to be audited</a:t>
            </a:r>
          </a:p>
        </p:txBody>
      </p:sp>
      <p:sp>
        <p:nvSpPr>
          <p:cNvPr id="61" name="Rectangle: Rounded Corners 60">
            <a:extLst>
              <a:ext uri="{FF2B5EF4-FFF2-40B4-BE49-F238E27FC236}">
                <a16:creationId xmlns:a16="http://schemas.microsoft.com/office/drawing/2014/main" id="{6B465683-1E74-8369-3B12-FB6C95B45338}"/>
              </a:ext>
            </a:extLst>
          </p:cNvPr>
          <p:cNvSpPr/>
          <p:nvPr/>
        </p:nvSpPr>
        <p:spPr>
          <a:xfrm>
            <a:off x="6277655" y="5352143"/>
            <a:ext cx="598613" cy="586078"/>
          </a:xfrm>
          <a:prstGeom prst="roundRect">
            <a:avLst/>
          </a:prstGeom>
          <a:solidFill>
            <a:srgbClr val="70AD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68" name="TextBox 67">
            <a:extLst>
              <a:ext uri="{FF2B5EF4-FFF2-40B4-BE49-F238E27FC236}">
                <a16:creationId xmlns:a16="http://schemas.microsoft.com/office/drawing/2014/main" id="{132CF35B-3858-0124-42EB-1B6BBC6C3025}"/>
              </a:ext>
            </a:extLst>
          </p:cNvPr>
          <p:cNvSpPr txBox="1"/>
          <p:nvPr/>
        </p:nvSpPr>
        <p:spPr>
          <a:xfrm>
            <a:off x="6269864" y="5380374"/>
            <a:ext cx="598614" cy="507831"/>
          </a:xfrm>
          <a:prstGeom prst="rect">
            <a:avLst/>
          </a:prstGeom>
          <a:noFill/>
        </p:spPr>
        <p:txBody>
          <a:bodyPr wrap="square" rtlCol="0">
            <a:spAutoFit/>
          </a:bodyPr>
          <a:lstStyle/>
          <a:p>
            <a:pPr algn="ctr"/>
            <a:r>
              <a:rPr lang="en-GB" sz="900" dirty="0">
                <a:solidFill>
                  <a:schemeClr val="bg2"/>
                </a:solidFill>
              </a:rPr>
              <a:t>Pay</a:t>
            </a:r>
          </a:p>
          <a:p>
            <a:pPr algn="ctr"/>
            <a:r>
              <a:rPr lang="en-GB" sz="900" dirty="0">
                <a:solidFill>
                  <a:schemeClr val="bg2"/>
                </a:solidFill>
              </a:rPr>
              <a:t>audit </a:t>
            </a:r>
          </a:p>
          <a:p>
            <a:pPr algn="ctr"/>
            <a:r>
              <a:rPr lang="en-GB" sz="900" dirty="0">
                <a:solidFill>
                  <a:schemeClr val="bg2"/>
                </a:solidFill>
              </a:rPr>
              <a:t>fee</a:t>
            </a:r>
          </a:p>
        </p:txBody>
      </p:sp>
      <p:sp>
        <p:nvSpPr>
          <p:cNvPr id="70" name="Rectangle: Rounded Corners 69">
            <a:extLst>
              <a:ext uri="{FF2B5EF4-FFF2-40B4-BE49-F238E27FC236}">
                <a16:creationId xmlns:a16="http://schemas.microsoft.com/office/drawing/2014/main" id="{6CE83D0A-0046-6666-2DDE-E508E509EC09}"/>
              </a:ext>
            </a:extLst>
          </p:cNvPr>
          <p:cNvSpPr/>
          <p:nvPr/>
        </p:nvSpPr>
        <p:spPr>
          <a:xfrm>
            <a:off x="7234703" y="5498317"/>
            <a:ext cx="705165" cy="269304"/>
          </a:xfrm>
          <a:prstGeom prst="roundRect">
            <a:avLst/>
          </a:prstGeom>
          <a:solidFill>
            <a:srgbClr val="70AD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72" name="Rectangle: Rounded Corners 71">
            <a:extLst>
              <a:ext uri="{FF2B5EF4-FFF2-40B4-BE49-F238E27FC236}">
                <a16:creationId xmlns:a16="http://schemas.microsoft.com/office/drawing/2014/main" id="{01F6970E-EB18-709C-137F-695D2AD34E30}"/>
              </a:ext>
            </a:extLst>
          </p:cNvPr>
          <p:cNvSpPr/>
          <p:nvPr/>
        </p:nvSpPr>
        <p:spPr>
          <a:xfrm>
            <a:off x="8314049" y="5372492"/>
            <a:ext cx="705165" cy="521165"/>
          </a:xfrm>
          <a:prstGeom prst="roundRect">
            <a:avLst/>
          </a:prstGeom>
          <a:solidFill>
            <a:srgbClr val="70AD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73" name="Rectangle: Rounded Corners 72">
            <a:extLst>
              <a:ext uri="{FF2B5EF4-FFF2-40B4-BE49-F238E27FC236}">
                <a16:creationId xmlns:a16="http://schemas.microsoft.com/office/drawing/2014/main" id="{120D9891-6ACC-1E14-9BC7-CCA5C2B22B6E}"/>
              </a:ext>
            </a:extLst>
          </p:cNvPr>
          <p:cNvSpPr/>
          <p:nvPr/>
        </p:nvSpPr>
        <p:spPr>
          <a:xfrm>
            <a:off x="9395615" y="5370542"/>
            <a:ext cx="705165" cy="538184"/>
          </a:xfrm>
          <a:prstGeom prst="roundRect">
            <a:avLst/>
          </a:prstGeom>
          <a:solidFill>
            <a:srgbClr val="70AD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74" name="Rectangle: Rounded Corners 73">
            <a:extLst>
              <a:ext uri="{FF2B5EF4-FFF2-40B4-BE49-F238E27FC236}">
                <a16:creationId xmlns:a16="http://schemas.microsoft.com/office/drawing/2014/main" id="{629A6A97-DEF4-C143-1AC8-45A67B0DEEB0}"/>
              </a:ext>
            </a:extLst>
          </p:cNvPr>
          <p:cNvSpPr/>
          <p:nvPr/>
        </p:nvSpPr>
        <p:spPr>
          <a:xfrm>
            <a:off x="10431731" y="5374715"/>
            <a:ext cx="705165" cy="538185"/>
          </a:xfrm>
          <a:prstGeom prst="roundRect">
            <a:avLst/>
          </a:prstGeom>
          <a:solidFill>
            <a:srgbClr val="70AD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77" name="TextBox 76">
            <a:extLst>
              <a:ext uri="{FF2B5EF4-FFF2-40B4-BE49-F238E27FC236}">
                <a16:creationId xmlns:a16="http://schemas.microsoft.com/office/drawing/2014/main" id="{FC629A74-A441-CDD0-3209-412691BA3B3F}"/>
              </a:ext>
            </a:extLst>
          </p:cNvPr>
          <p:cNvSpPr txBox="1"/>
          <p:nvPr/>
        </p:nvSpPr>
        <p:spPr>
          <a:xfrm>
            <a:off x="7143042" y="5512825"/>
            <a:ext cx="854569" cy="230832"/>
          </a:xfrm>
          <a:prstGeom prst="rect">
            <a:avLst/>
          </a:prstGeom>
          <a:noFill/>
        </p:spPr>
        <p:txBody>
          <a:bodyPr wrap="square" rtlCol="0">
            <a:spAutoFit/>
          </a:bodyPr>
          <a:lstStyle/>
          <a:p>
            <a:pPr algn="ctr"/>
            <a:r>
              <a:rPr lang="en-GB" sz="900" dirty="0">
                <a:solidFill>
                  <a:schemeClr val="bg2"/>
                </a:solidFill>
              </a:rPr>
              <a:t>Audit</a:t>
            </a:r>
          </a:p>
        </p:txBody>
      </p:sp>
      <p:sp>
        <p:nvSpPr>
          <p:cNvPr id="78" name="TextBox 77">
            <a:extLst>
              <a:ext uri="{FF2B5EF4-FFF2-40B4-BE49-F238E27FC236}">
                <a16:creationId xmlns:a16="http://schemas.microsoft.com/office/drawing/2014/main" id="{24095B92-704B-243B-5CCA-21B7D41058CA}"/>
              </a:ext>
            </a:extLst>
          </p:cNvPr>
          <p:cNvSpPr txBox="1"/>
          <p:nvPr/>
        </p:nvSpPr>
        <p:spPr>
          <a:xfrm>
            <a:off x="8250445" y="5367808"/>
            <a:ext cx="878396" cy="507831"/>
          </a:xfrm>
          <a:prstGeom prst="rect">
            <a:avLst/>
          </a:prstGeom>
          <a:noFill/>
        </p:spPr>
        <p:txBody>
          <a:bodyPr wrap="square" rtlCol="0">
            <a:spAutoFit/>
          </a:bodyPr>
          <a:lstStyle/>
          <a:p>
            <a:pPr algn="ctr"/>
            <a:r>
              <a:rPr lang="en-GB" sz="900" dirty="0">
                <a:solidFill>
                  <a:schemeClr val="bg2"/>
                </a:solidFill>
              </a:rPr>
              <a:t>Initial </a:t>
            </a:r>
          </a:p>
          <a:p>
            <a:pPr algn="ctr"/>
            <a:r>
              <a:rPr lang="en-GB" sz="900" dirty="0">
                <a:solidFill>
                  <a:schemeClr val="bg2"/>
                </a:solidFill>
              </a:rPr>
              <a:t>findings</a:t>
            </a:r>
          </a:p>
          <a:p>
            <a:pPr algn="ctr"/>
            <a:r>
              <a:rPr lang="en-GB" sz="900" dirty="0">
                <a:solidFill>
                  <a:schemeClr val="bg2"/>
                </a:solidFill>
              </a:rPr>
              <a:t>shared</a:t>
            </a:r>
          </a:p>
        </p:txBody>
      </p:sp>
      <p:sp>
        <p:nvSpPr>
          <p:cNvPr id="79" name="TextBox 78">
            <a:extLst>
              <a:ext uri="{FF2B5EF4-FFF2-40B4-BE49-F238E27FC236}">
                <a16:creationId xmlns:a16="http://schemas.microsoft.com/office/drawing/2014/main" id="{6E9C294F-4039-7E3E-F923-BE44C3CEDA08}"/>
              </a:ext>
            </a:extLst>
          </p:cNvPr>
          <p:cNvSpPr txBox="1"/>
          <p:nvPr/>
        </p:nvSpPr>
        <p:spPr>
          <a:xfrm>
            <a:off x="9297094" y="5400895"/>
            <a:ext cx="854569" cy="507831"/>
          </a:xfrm>
          <a:prstGeom prst="rect">
            <a:avLst/>
          </a:prstGeom>
          <a:noFill/>
        </p:spPr>
        <p:txBody>
          <a:bodyPr wrap="square" rtlCol="0">
            <a:spAutoFit/>
          </a:bodyPr>
          <a:lstStyle/>
          <a:p>
            <a:pPr algn="ctr"/>
            <a:r>
              <a:rPr lang="en-GB" sz="900" dirty="0">
                <a:solidFill>
                  <a:schemeClr val="bg2"/>
                </a:solidFill>
              </a:rPr>
              <a:t>Audit </a:t>
            </a:r>
          </a:p>
          <a:p>
            <a:pPr algn="ctr"/>
            <a:r>
              <a:rPr lang="en-GB" sz="900" dirty="0">
                <a:solidFill>
                  <a:schemeClr val="bg2"/>
                </a:solidFill>
              </a:rPr>
              <a:t>report </a:t>
            </a:r>
          </a:p>
          <a:p>
            <a:pPr algn="ctr"/>
            <a:r>
              <a:rPr lang="en-GB" sz="900" dirty="0">
                <a:solidFill>
                  <a:schemeClr val="bg2"/>
                </a:solidFill>
              </a:rPr>
              <a:t>issued</a:t>
            </a:r>
          </a:p>
        </p:txBody>
      </p:sp>
      <p:sp>
        <p:nvSpPr>
          <p:cNvPr id="80" name="TextBox 79">
            <a:extLst>
              <a:ext uri="{FF2B5EF4-FFF2-40B4-BE49-F238E27FC236}">
                <a16:creationId xmlns:a16="http://schemas.microsoft.com/office/drawing/2014/main" id="{0083926F-7417-C71D-65CE-6BBA128A3E72}"/>
              </a:ext>
            </a:extLst>
          </p:cNvPr>
          <p:cNvSpPr txBox="1"/>
          <p:nvPr/>
        </p:nvSpPr>
        <p:spPr>
          <a:xfrm>
            <a:off x="10399617" y="5418018"/>
            <a:ext cx="820628" cy="507831"/>
          </a:xfrm>
          <a:prstGeom prst="rect">
            <a:avLst/>
          </a:prstGeom>
          <a:noFill/>
        </p:spPr>
        <p:txBody>
          <a:bodyPr wrap="square" rtlCol="0">
            <a:spAutoFit/>
          </a:bodyPr>
          <a:lstStyle/>
          <a:p>
            <a:pPr algn="ctr"/>
            <a:r>
              <a:rPr lang="en-GB" sz="900" dirty="0">
                <a:solidFill>
                  <a:schemeClr val="bg2"/>
                </a:solidFill>
              </a:rPr>
              <a:t>Resolve </a:t>
            </a:r>
          </a:p>
          <a:p>
            <a:pPr algn="ctr"/>
            <a:r>
              <a:rPr lang="en-GB" sz="900" dirty="0">
                <a:solidFill>
                  <a:schemeClr val="bg2"/>
                </a:solidFill>
              </a:rPr>
              <a:t>Remedial actions</a:t>
            </a:r>
          </a:p>
        </p:txBody>
      </p:sp>
      <p:grpSp>
        <p:nvGrpSpPr>
          <p:cNvPr id="84" name="Group 83">
            <a:extLst>
              <a:ext uri="{FF2B5EF4-FFF2-40B4-BE49-F238E27FC236}">
                <a16:creationId xmlns:a16="http://schemas.microsoft.com/office/drawing/2014/main" id="{35F2F770-9364-231F-1F5F-0341A0987089}"/>
              </a:ext>
            </a:extLst>
          </p:cNvPr>
          <p:cNvGrpSpPr/>
          <p:nvPr/>
        </p:nvGrpSpPr>
        <p:grpSpPr>
          <a:xfrm>
            <a:off x="11381951" y="5165672"/>
            <a:ext cx="854569" cy="950956"/>
            <a:chOff x="11255070" y="5195168"/>
            <a:chExt cx="854569" cy="950956"/>
          </a:xfrm>
          <a:solidFill>
            <a:srgbClr val="70ADA3"/>
          </a:solidFill>
        </p:grpSpPr>
        <p:sp>
          <p:nvSpPr>
            <p:cNvPr id="75" name="Rectangle: Rounded Corners 74">
              <a:extLst>
                <a:ext uri="{FF2B5EF4-FFF2-40B4-BE49-F238E27FC236}">
                  <a16:creationId xmlns:a16="http://schemas.microsoft.com/office/drawing/2014/main" id="{D36C758F-773C-1CB3-B445-90DF4269CC89}"/>
                </a:ext>
              </a:extLst>
            </p:cNvPr>
            <p:cNvSpPr/>
            <p:nvPr/>
          </p:nvSpPr>
          <p:spPr>
            <a:xfrm>
              <a:off x="11325604" y="5195168"/>
              <a:ext cx="705165" cy="950956"/>
            </a:xfrm>
            <a:prstGeom prst="roundRect">
              <a:avLst/>
            </a:prstGeom>
            <a:grp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81" name="TextBox 80">
              <a:extLst>
                <a:ext uri="{FF2B5EF4-FFF2-40B4-BE49-F238E27FC236}">
                  <a16:creationId xmlns:a16="http://schemas.microsoft.com/office/drawing/2014/main" id="{4B830C29-D5B8-CD98-DA14-3B363F34C331}"/>
                </a:ext>
              </a:extLst>
            </p:cNvPr>
            <p:cNvSpPr txBox="1"/>
            <p:nvPr/>
          </p:nvSpPr>
          <p:spPr>
            <a:xfrm>
              <a:off x="11255070" y="5334571"/>
              <a:ext cx="854569" cy="646331"/>
            </a:xfrm>
            <a:prstGeom prst="rect">
              <a:avLst/>
            </a:prstGeom>
            <a:noFill/>
          </p:spPr>
          <p:txBody>
            <a:bodyPr wrap="square" rtlCol="0">
              <a:spAutoFit/>
            </a:bodyPr>
            <a:lstStyle/>
            <a:p>
              <a:pPr algn="ctr"/>
              <a:r>
                <a:rPr lang="en-GB" sz="900" dirty="0">
                  <a:solidFill>
                    <a:schemeClr val="bg2"/>
                  </a:solidFill>
                </a:rPr>
                <a:t>Further</a:t>
              </a:r>
            </a:p>
            <a:p>
              <a:pPr algn="ctr"/>
              <a:r>
                <a:rPr lang="en-GB" sz="900" dirty="0">
                  <a:solidFill>
                    <a:schemeClr val="bg2"/>
                  </a:solidFill>
                </a:rPr>
                <a:t>audit</a:t>
              </a:r>
            </a:p>
            <a:p>
              <a:pPr algn="ctr"/>
              <a:r>
                <a:rPr lang="en-GB" sz="900" dirty="0">
                  <a:solidFill>
                    <a:schemeClr val="bg2"/>
                  </a:solidFill>
                </a:rPr>
                <a:t>where </a:t>
              </a:r>
            </a:p>
            <a:p>
              <a:pPr algn="ctr"/>
              <a:r>
                <a:rPr lang="en-GB" sz="900" dirty="0">
                  <a:solidFill>
                    <a:schemeClr val="bg2"/>
                  </a:solidFill>
                </a:rPr>
                <a:t>required</a:t>
              </a:r>
            </a:p>
          </p:txBody>
        </p:sp>
      </p:grpSp>
      <p:cxnSp>
        <p:nvCxnSpPr>
          <p:cNvPr id="87" name="Straight Arrow Connector 86">
            <a:extLst>
              <a:ext uri="{FF2B5EF4-FFF2-40B4-BE49-F238E27FC236}">
                <a16:creationId xmlns:a16="http://schemas.microsoft.com/office/drawing/2014/main" id="{4A68CEBE-04C1-A2E3-CA41-CD8ABBCA1B59}"/>
              </a:ext>
            </a:extLst>
          </p:cNvPr>
          <p:cNvCxnSpPr>
            <a:cxnSpLocks/>
          </p:cNvCxnSpPr>
          <p:nvPr/>
        </p:nvCxnSpPr>
        <p:spPr>
          <a:xfrm>
            <a:off x="4107075" y="5608363"/>
            <a:ext cx="219798"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a:extLst>
              <a:ext uri="{FF2B5EF4-FFF2-40B4-BE49-F238E27FC236}">
                <a16:creationId xmlns:a16="http://schemas.microsoft.com/office/drawing/2014/main" id="{2BC68F44-6116-E3BA-FA51-A63B8D92DE9C}"/>
              </a:ext>
            </a:extLst>
          </p:cNvPr>
          <p:cNvCxnSpPr>
            <a:cxnSpLocks/>
          </p:cNvCxnSpPr>
          <p:nvPr/>
        </p:nvCxnSpPr>
        <p:spPr>
          <a:xfrm>
            <a:off x="4820864" y="5615308"/>
            <a:ext cx="219798"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2" name="Straight Arrow Connector 91">
            <a:extLst>
              <a:ext uri="{FF2B5EF4-FFF2-40B4-BE49-F238E27FC236}">
                <a16:creationId xmlns:a16="http://schemas.microsoft.com/office/drawing/2014/main" id="{2587EB66-6C68-78F7-7BC6-BAA23F88E6B3}"/>
              </a:ext>
            </a:extLst>
          </p:cNvPr>
          <p:cNvCxnSpPr>
            <a:cxnSpLocks/>
            <a:stCxn id="60" idx="3"/>
            <a:endCxn id="68" idx="1"/>
          </p:cNvCxnSpPr>
          <p:nvPr/>
        </p:nvCxnSpPr>
        <p:spPr>
          <a:xfrm flipV="1">
            <a:off x="5942437" y="5634290"/>
            <a:ext cx="327427" cy="2675"/>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a:extLst>
              <a:ext uri="{FF2B5EF4-FFF2-40B4-BE49-F238E27FC236}">
                <a16:creationId xmlns:a16="http://schemas.microsoft.com/office/drawing/2014/main" id="{2C8044B0-5926-3389-A3D7-63620D86D413}"/>
              </a:ext>
            </a:extLst>
          </p:cNvPr>
          <p:cNvCxnSpPr>
            <a:cxnSpLocks/>
            <a:endCxn id="70" idx="1"/>
          </p:cNvCxnSpPr>
          <p:nvPr/>
        </p:nvCxnSpPr>
        <p:spPr>
          <a:xfrm>
            <a:off x="6868179" y="5632969"/>
            <a:ext cx="366524"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a:extLst>
              <a:ext uri="{FF2B5EF4-FFF2-40B4-BE49-F238E27FC236}">
                <a16:creationId xmlns:a16="http://schemas.microsoft.com/office/drawing/2014/main" id="{FF22900A-BC70-8343-7C50-2EE7C7EA51FA}"/>
              </a:ext>
            </a:extLst>
          </p:cNvPr>
          <p:cNvCxnSpPr>
            <a:cxnSpLocks/>
            <a:stCxn id="70" idx="3"/>
            <a:endCxn id="72" idx="1"/>
          </p:cNvCxnSpPr>
          <p:nvPr/>
        </p:nvCxnSpPr>
        <p:spPr>
          <a:xfrm>
            <a:off x="7939868" y="5632969"/>
            <a:ext cx="374181" cy="106"/>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a:extLst>
              <a:ext uri="{FF2B5EF4-FFF2-40B4-BE49-F238E27FC236}">
                <a16:creationId xmlns:a16="http://schemas.microsoft.com/office/drawing/2014/main" id="{C697401E-B3DB-1B01-D790-482AAD79435D}"/>
              </a:ext>
            </a:extLst>
          </p:cNvPr>
          <p:cNvCxnSpPr>
            <a:cxnSpLocks/>
            <a:stCxn id="72" idx="3"/>
            <a:endCxn id="73" idx="1"/>
          </p:cNvCxnSpPr>
          <p:nvPr/>
        </p:nvCxnSpPr>
        <p:spPr>
          <a:xfrm>
            <a:off x="9019214" y="5633075"/>
            <a:ext cx="376401" cy="6559"/>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a:extLst>
              <a:ext uri="{FF2B5EF4-FFF2-40B4-BE49-F238E27FC236}">
                <a16:creationId xmlns:a16="http://schemas.microsoft.com/office/drawing/2014/main" id="{C379949A-DCDF-22DA-6A76-736082660829}"/>
              </a:ext>
            </a:extLst>
          </p:cNvPr>
          <p:cNvCxnSpPr>
            <a:cxnSpLocks/>
            <a:stCxn id="73" idx="3"/>
            <a:endCxn id="74" idx="1"/>
          </p:cNvCxnSpPr>
          <p:nvPr/>
        </p:nvCxnSpPr>
        <p:spPr>
          <a:xfrm>
            <a:off x="10100780" y="5639634"/>
            <a:ext cx="330951" cy="4174"/>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97" name="Straight Arrow Connector 96">
            <a:extLst>
              <a:ext uri="{FF2B5EF4-FFF2-40B4-BE49-F238E27FC236}">
                <a16:creationId xmlns:a16="http://schemas.microsoft.com/office/drawing/2014/main" id="{DE63ED5D-6380-812B-6414-F27A79FC6AAE}"/>
              </a:ext>
            </a:extLst>
          </p:cNvPr>
          <p:cNvCxnSpPr>
            <a:cxnSpLocks/>
            <a:stCxn id="74" idx="3"/>
            <a:endCxn id="75" idx="1"/>
          </p:cNvCxnSpPr>
          <p:nvPr/>
        </p:nvCxnSpPr>
        <p:spPr>
          <a:xfrm flipV="1">
            <a:off x="11136896" y="5641150"/>
            <a:ext cx="315589" cy="2658"/>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 name="Straight Arrow Connector 1">
            <a:extLst>
              <a:ext uri="{FF2B5EF4-FFF2-40B4-BE49-F238E27FC236}">
                <a16:creationId xmlns:a16="http://schemas.microsoft.com/office/drawing/2014/main" id="{810710C0-5585-2913-9BB8-250B087E0FB7}"/>
              </a:ext>
            </a:extLst>
          </p:cNvPr>
          <p:cNvCxnSpPr>
            <a:cxnSpLocks/>
          </p:cNvCxnSpPr>
          <p:nvPr/>
        </p:nvCxnSpPr>
        <p:spPr>
          <a:xfrm>
            <a:off x="7051957" y="3992312"/>
            <a:ext cx="345126"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4" name="Straight Arrow Connector 3">
            <a:extLst>
              <a:ext uri="{FF2B5EF4-FFF2-40B4-BE49-F238E27FC236}">
                <a16:creationId xmlns:a16="http://schemas.microsoft.com/office/drawing/2014/main" id="{11FE83B4-EB7B-0B9F-E62A-A8FD1BBDFFA5}"/>
              </a:ext>
            </a:extLst>
          </p:cNvPr>
          <p:cNvCxnSpPr>
            <a:cxnSpLocks/>
          </p:cNvCxnSpPr>
          <p:nvPr/>
        </p:nvCxnSpPr>
        <p:spPr>
          <a:xfrm>
            <a:off x="8984664" y="3998708"/>
            <a:ext cx="429088" cy="1779"/>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5" name="Straight Arrow Connector 4">
            <a:extLst>
              <a:ext uri="{FF2B5EF4-FFF2-40B4-BE49-F238E27FC236}">
                <a16:creationId xmlns:a16="http://schemas.microsoft.com/office/drawing/2014/main" id="{5F7A9218-F1F1-A0BC-A832-89B0BB4A28C3}"/>
              </a:ext>
            </a:extLst>
          </p:cNvPr>
          <p:cNvCxnSpPr>
            <a:cxnSpLocks/>
          </p:cNvCxnSpPr>
          <p:nvPr/>
        </p:nvCxnSpPr>
        <p:spPr>
          <a:xfrm>
            <a:off x="10630548" y="4006152"/>
            <a:ext cx="299663" cy="1779"/>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nvGrpSpPr>
          <p:cNvPr id="3" name="Group 2">
            <a:extLst>
              <a:ext uri="{FF2B5EF4-FFF2-40B4-BE49-F238E27FC236}">
                <a16:creationId xmlns:a16="http://schemas.microsoft.com/office/drawing/2014/main" id="{B0611B78-3737-E0DB-F17D-A13CA5284698}"/>
              </a:ext>
            </a:extLst>
          </p:cNvPr>
          <p:cNvGrpSpPr/>
          <p:nvPr/>
        </p:nvGrpSpPr>
        <p:grpSpPr>
          <a:xfrm>
            <a:off x="4359876" y="5431209"/>
            <a:ext cx="425067" cy="443057"/>
            <a:chOff x="6027874" y="3543083"/>
            <a:chExt cx="1601915" cy="1593568"/>
          </a:xfrm>
        </p:grpSpPr>
        <p:pic>
          <p:nvPicPr>
            <p:cNvPr id="6" name="Picture 5">
              <a:extLst>
                <a:ext uri="{FF2B5EF4-FFF2-40B4-BE49-F238E27FC236}">
                  <a16:creationId xmlns:a16="http://schemas.microsoft.com/office/drawing/2014/main" id="{C9C2866D-C9A1-27F7-465D-FC5054793715}"/>
                </a:ext>
              </a:extLst>
            </p:cNvPr>
            <p:cNvPicPr>
              <a:picLocks noChangeAspect="1"/>
            </p:cNvPicPr>
            <p:nvPr/>
          </p:nvPicPr>
          <p:blipFill rotWithShape="1">
            <a:blip r:embed="rId11"/>
            <a:srcRect l="41275" t="25421" r="40548" b="28963"/>
            <a:stretch/>
          </p:blipFill>
          <p:spPr>
            <a:xfrm>
              <a:off x="6027874" y="3543083"/>
              <a:ext cx="1601915" cy="1520114"/>
            </a:xfrm>
            <a:prstGeom prst="rect">
              <a:avLst/>
            </a:prstGeom>
            <a:solidFill>
              <a:srgbClr val="70ADA3"/>
            </a:solidFill>
          </p:spPr>
        </p:pic>
        <p:sp>
          <p:nvSpPr>
            <p:cNvPr id="7" name="Oval 6">
              <a:extLst>
                <a:ext uri="{FF2B5EF4-FFF2-40B4-BE49-F238E27FC236}">
                  <a16:creationId xmlns:a16="http://schemas.microsoft.com/office/drawing/2014/main" id="{9A1D6AC3-9841-8DE1-2142-996E204A11C2}"/>
                </a:ext>
              </a:extLst>
            </p:cNvPr>
            <p:cNvSpPr/>
            <p:nvPr/>
          </p:nvSpPr>
          <p:spPr>
            <a:xfrm>
              <a:off x="6868535" y="5043947"/>
              <a:ext cx="92704" cy="92704"/>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1651195969"/>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72748D55-1F3A-4107-90BA-F352AB6F941D}"/>
              </a:ext>
            </a:extLst>
          </p:cNvPr>
          <p:cNvPicPr>
            <a:picLocks noChangeAspect="1"/>
          </p:cNvPicPr>
          <p:nvPr/>
        </p:nvPicPr>
        <p:blipFill rotWithShape="1">
          <a:blip r:embed="rId3"/>
          <a:srcRect r="5961" b="1387"/>
          <a:stretch/>
        </p:blipFill>
        <p:spPr>
          <a:xfrm>
            <a:off x="1" y="1"/>
            <a:ext cx="2355742" cy="6509288"/>
          </a:xfrm>
          <a:prstGeom prst="rect">
            <a:avLst/>
          </a:prstGeom>
        </p:spPr>
      </p:pic>
      <p:sp>
        <p:nvSpPr>
          <p:cNvPr id="16" name="Title 1">
            <a:extLst>
              <a:ext uri="{FF2B5EF4-FFF2-40B4-BE49-F238E27FC236}">
                <a16:creationId xmlns:a16="http://schemas.microsoft.com/office/drawing/2014/main" id="{28B82B9F-B186-48D1-91F7-B0A160A5044D}"/>
              </a:ext>
            </a:extLst>
          </p:cNvPr>
          <p:cNvSpPr txBox="1">
            <a:spLocks/>
          </p:cNvSpPr>
          <p:nvPr/>
        </p:nvSpPr>
        <p:spPr>
          <a:xfrm>
            <a:off x="2444235" y="1278774"/>
            <a:ext cx="7554686" cy="67844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000" b="1" i="0" kern="1200" cap="all" spc="250" baseline="0">
                <a:solidFill>
                  <a:srgbClr val="68A495"/>
                </a:solidFill>
                <a:latin typeface="Roboto" panose="02000000000000000000" pitchFamily="2" charset="0"/>
                <a:ea typeface="+mj-ea"/>
                <a:cs typeface="+mj-cs"/>
              </a:defRPr>
            </a:lvl1pPr>
          </a:lstStyle>
          <a:p>
            <a:r>
              <a:rPr lang="en-GB" sz="2400"/>
              <a:t>SUSPENSION AND WITHDRAWALS </a:t>
            </a:r>
            <a:br>
              <a:rPr lang="en-GB" sz="2400"/>
            </a:br>
            <a:endParaRPr lang="en-GB" sz="2400"/>
          </a:p>
        </p:txBody>
      </p:sp>
      <p:pic>
        <p:nvPicPr>
          <p:cNvPr id="18" name="Picture 17">
            <a:hlinkClick r:id="" action="ppaction://hlinkshowjump?jump=nextslide"/>
            <a:extLst>
              <a:ext uri="{FF2B5EF4-FFF2-40B4-BE49-F238E27FC236}">
                <a16:creationId xmlns:a16="http://schemas.microsoft.com/office/drawing/2014/main" id="{7255857C-51C1-4E8A-9A3B-D0E7672BA4D6}"/>
              </a:ext>
            </a:extLst>
          </p:cNvPr>
          <p:cNvPicPr>
            <a:picLocks noChangeAspect="1"/>
          </p:cNvPicPr>
          <p:nvPr/>
        </p:nvPicPr>
        <p:blipFill>
          <a:blip r:embed="rId4"/>
          <a:stretch>
            <a:fillRect/>
          </a:stretch>
        </p:blipFill>
        <p:spPr>
          <a:xfrm>
            <a:off x="11127525" y="305316"/>
            <a:ext cx="704850" cy="447675"/>
          </a:xfrm>
          <a:prstGeom prst="rect">
            <a:avLst/>
          </a:prstGeom>
        </p:spPr>
      </p:pic>
      <p:pic>
        <p:nvPicPr>
          <p:cNvPr id="19" name="Picture 18">
            <a:hlinkClick r:id="" action="ppaction://hlinkshowjump?jump=previousslide"/>
            <a:extLst>
              <a:ext uri="{FF2B5EF4-FFF2-40B4-BE49-F238E27FC236}">
                <a16:creationId xmlns:a16="http://schemas.microsoft.com/office/drawing/2014/main" id="{739458F4-B252-4565-8C60-190BF56C6614}"/>
              </a:ext>
            </a:extLst>
          </p:cNvPr>
          <p:cNvPicPr>
            <a:picLocks noChangeAspect="1"/>
          </p:cNvPicPr>
          <p:nvPr/>
        </p:nvPicPr>
        <p:blipFill>
          <a:blip r:embed="rId5"/>
          <a:stretch>
            <a:fillRect/>
          </a:stretch>
        </p:blipFill>
        <p:spPr>
          <a:xfrm>
            <a:off x="5041765" y="305316"/>
            <a:ext cx="676275" cy="533400"/>
          </a:xfrm>
          <a:prstGeom prst="rect">
            <a:avLst/>
          </a:prstGeom>
        </p:spPr>
      </p:pic>
      <p:pic>
        <p:nvPicPr>
          <p:cNvPr id="21" name="Picture 20">
            <a:hlinkClick r:id="rId6" action="ppaction://hlinksldjump"/>
            <a:extLst>
              <a:ext uri="{FF2B5EF4-FFF2-40B4-BE49-F238E27FC236}">
                <a16:creationId xmlns:a16="http://schemas.microsoft.com/office/drawing/2014/main" id="{425D8AEE-EBF8-495F-A6AF-01EFFFC6F52A}"/>
              </a:ext>
            </a:extLst>
          </p:cNvPr>
          <p:cNvPicPr>
            <a:picLocks noChangeAspect="1"/>
          </p:cNvPicPr>
          <p:nvPr/>
        </p:nvPicPr>
        <p:blipFill>
          <a:blip r:embed="rId7"/>
          <a:stretch>
            <a:fillRect/>
          </a:stretch>
        </p:blipFill>
        <p:spPr>
          <a:xfrm>
            <a:off x="3917185" y="322134"/>
            <a:ext cx="485775" cy="477679"/>
          </a:xfrm>
          <a:prstGeom prst="rect">
            <a:avLst/>
          </a:prstGeom>
        </p:spPr>
      </p:pic>
      <p:sp>
        <p:nvSpPr>
          <p:cNvPr id="22" name="Rectangle 21">
            <a:extLst>
              <a:ext uri="{FF2B5EF4-FFF2-40B4-BE49-F238E27FC236}">
                <a16:creationId xmlns:a16="http://schemas.microsoft.com/office/drawing/2014/main" id="{DAB31E79-7911-455B-860D-0C3F39C6DA49}"/>
              </a:ext>
            </a:extLst>
          </p:cNvPr>
          <p:cNvSpPr/>
          <p:nvPr/>
        </p:nvSpPr>
        <p:spPr>
          <a:xfrm>
            <a:off x="2444235" y="1881553"/>
            <a:ext cx="8876754" cy="738664"/>
          </a:xfrm>
          <a:prstGeom prst="rect">
            <a:avLst/>
          </a:prstGeom>
        </p:spPr>
        <p:txBody>
          <a:bodyPr wrap="square">
            <a:spAutoFit/>
          </a:bodyPr>
          <a:lstStyle/>
          <a:p>
            <a:r>
              <a:rPr lang="en-GB" sz="1400" dirty="0">
                <a:solidFill>
                  <a:srgbClr val="3C3C3B"/>
                </a:solidFill>
                <a:ea typeface="Arial" panose="020B0604020202020204" pitchFamily="34" charset="0"/>
                <a:cs typeface="Arial" panose="020B0604020202020204" pitchFamily="34" charset="0"/>
              </a:rPr>
              <a:t>Accreditations across CoMCoP can be suspended or withdrawn in certain circumstances. In any of the circumstances, the Code Manager and the scheme auditor will work with you to resolve any non-compliance issues before the matter is escalated to the PAB.</a:t>
            </a:r>
            <a:endParaRPr lang="en-GB" sz="1400" dirty="0">
              <a:ea typeface="Arial" panose="020B0604020202020204" pitchFamily="34" charset="0"/>
              <a:cs typeface="Arial" panose="020B0604020202020204" pitchFamily="34" charset="0"/>
            </a:endParaRPr>
          </a:p>
        </p:txBody>
      </p:sp>
      <p:pic>
        <p:nvPicPr>
          <p:cNvPr id="11" name="Picture 10">
            <a:extLst>
              <a:ext uri="{FF2B5EF4-FFF2-40B4-BE49-F238E27FC236}">
                <a16:creationId xmlns:a16="http://schemas.microsoft.com/office/drawing/2014/main" id="{2A089525-EC06-4BB1-AA53-F24F5C00FCD1}"/>
              </a:ext>
            </a:extLst>
          </p:cNvPr>
          <p:cNvPicPr>
            <a:picLocks noChangeAspect="1"/>
          </p:cNvPicPr>
          <p:nvPr/>
        </p:nvPicPr>
        <p:blipFill>
          <a:blip r:embed="rId8"/>
          <a:stretch>
            <a:fillRect/>
          </a:stretch>
        </p:blipFill>
        <p:spPr>
          <a:xfrm>
            <a:off x="2456292" y="2620217"/>
            <a:ext cx="6523495" cy="4026219"/>
          </a:xfrm>
          <a:prstGeom prst="rect">
            <a:avLst/>
          </a:prstGeom>
        </p:spPr>
      </p:pic>
      <p:sp>
        <p:nvSpPr>
          <p:cNvPr id="12" name="Rectangle: Rounded Corners 11">
            <a:extLst>
              <a:ext uri="{FF2B5EF4-FFF2-40B4-BE49-F238E27FC236}">
                <a16:creationId xmlns:a16="http://schemas.microsoft.com/office/drawing/2014/main" id="{6B755B7F-B32F-408A-9A93-E0B16A772C2B}"/>
              </a:ext>
            </a:extLst>
          </p:cNvPr>
          <p:cNvSpPr/>
          <p:nvPr/>
        </p:nvSpPr>
        <p:spPr>
          <a:xfrm>
            <a:off x="9270044" y="3404525"/>
            <a:ext cx="2355743" cy="1277957"/>
          </a:xfrm>
          <a:prstGeom prst="roundRect">
            <a:avLst/>
          </a:prstGeom>
          <a:solidFill>
            <a:schemeClr val="accent3"/>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marL="0" marR="0" lvl="0" indent="0" algn="ctr" defTabSz="829544" eaLnBrk="1" fontAlgn="auto" latinLnBrk="0" hangingPunct="1">
              <a:lnSpc>
                <a:spcPct val="100000"/>
              </a:lnSpc>
              <a:spcBef>
                <a:spcPts val="0"/>
              </a:spcBef>
              <a:spcAft>
                <a:spcPts val="0"/>
              </a:spcAft>
              <a:buClrTx/>
              <a:buSzTx/>
              <a:buFontTx/>
              <a:buNone/>
              <a:tabLst/>
              <a:defRPr/>
            </a:pPr>
            <a:r>
              <a:rPr lang="en-GB" sz="1000" b="1" kern="0" dirty="0">
                <a:solidFill>
                  <a:prstClr val="white"/>
                </a:solidFill>
              </a:rPr>
              <a:t>Role of the PAB:</a:t>
            </a:r>
          </a:p>
          <a:p>
            <a:pPr marL="171450" lvl="0" indent="-171450">
              <a:lnSpc>
                <a:spcPct val="106000"/>
              </a:lnSpc>
              <a:buFont typeface="Arial" panose="020B0604020202020204" pitchFamily="34" charset="0"/>
              <a:buChar char="•"/>
              <a:defRPr/>
            </a:pPr>
            <a:r>
              <a:rPr lang="en-US" sz="900" dirty="0">
                <a:solidFill>
                  <a:prstClr val="white"/>
                </a:solidFill>
              </a:rPr>
              <a:t>Receive written representations relating to the suspension/withdrawal.</a:t>
            </a:r>
          </a:p>
          <a:p>
            <a:pPr marL="171450" lvl="0" indent="-171450">
              <a:lnSpc>
                <a:spcPct val="106000"/>
              </a:lnSpc>
              <a:buFont typeface="Arial" panose="020B0604020202020204" pitchFamily="34" charset="0"/>
              <a:buChar char="•"/>
              <a:defRPr/>
            </a:pPr>
            <a:r>
              <a:rPr lang="en-US" sz="900" dirty="0">
                <a:solidFill>
                  <a:prstClr val="white"/>
                </a:solidFill>
              </a:rPr>
              <a:t>Approve the decision recommended by the scheme auditor</a:t>
            </a:r>
          </a:p>
        </p:txBody>
      </p:sp>
      <p:sp>
        <p:nvSpPr>
          <p:cNvPr id="24" name="TextBox 23">
            <a:extLst>
              <a:ext uri="{FF2B5EF4-FFF2-40B4-BE49-F238E27FC236}">
                <a16:creationId xmlns:a16="http://schemas.microsoft.com/office/drawing/2014/main" id="{A694ECD0-66FB-4A5F-96BC-3AF5DCC6DB5E}"/>
              </a:ext>
            </a:extLst>
          </p:cNvPr>
          <p:cNvSpPr txBox="1"/>
          <p:nvPr/>
        </p:nvSpPr>
        <p:spPr>
          <a:xfrm>
            <a:off x="6054926" y="393028"/>
            <a:ext cx="5266063" cy="369332"/>
          </a:xfrm>
          <a:prstGeom prst="rect">
            <a:avLst/>
          </a:prstGeom>
          <a:noFill/>
        </p:spPr>
        <p:txBody>
          <a:bodyPr wrap="square" rtlCol="0">
            <a:spAutoFit/>
          </a:bodyPr>
          <a:lstStyle/>
          <a:p>
            <a:r>
              <a:rPr lang="en-GB">
                <a:solidFill>
                  <a:schemeClr val="bg1"/>
                </a:solidFill>
              </a:rPr>
              <a:t>Animation holder</a:t>
            </a:r>
          </a:p>
        </p:txBody>
      </p:sp>
      <p:pic>
        <p:nvPicPr>
          <p:cNvPr id="23" name="Picture 22">
            <a:hlinkClick r:id="rId9"/>
            <a:extLst>
              <a:ext uri="{FF2B5EF4-FFF2-40B4-BE49-F238E27FC236}">
                <a16:creationId xmlns:a16="http://schemas.microsoft.com/office/drawing/2014/main" id="{79AD55E2-9118-4D55-AA89-206B7151568B}"/>
              </a:ext>
            </a:extLst>
          </p:cNvPr>
          <p:cNvPicPr>
            <a:picLocks noChangeAspect="1"/>
          </p:cNvPicPr>
          <p:nvPr/>
        </p:nvPicPr>
        <p:blipFill>
          <a:blip r:embed="rId10"/>
          <a:stretch>
            <a:fillRect/>
          </a:stretch>
        </p:blipFill>
        <p:spPr>
          <a:xfrm>
            <a:off x="4453970" y="323563"/>
            <a:ext cx="485775" cy="476250"/>
          </a:xfrm>
          <a:prstGeom prst="rect">
            <a:avLst/>
          </a:prstGeom>
        </p:spPr>
      </p:pic>
      <p:sp>
        <p:nvSpPr>
          <p:cNvPr id="25" name="Rectangle: Rounded Corners 24">
            <a:extLst>
              <a:ext uri="{FF2B5EF4-FFF2-40B4-BE49-F238E27FC236}">
                <a16:creationId xmlns:a16="http://schemas.microsoft.com/office/drawing/2014/main" id="{D46BADB3-B37E-4C14-BDB7-AF4B66EF9660}"/>
              </a:ext>
            </a:extLst>
          </p:cNvPr>
          <p:cNvSpPr/>
          <p:nvPr/>
        </p:nvSpPr>
        <p:spPr>
          <a:xfrm>
            <a:off x="10574638" y="5455067"/>
            <a:ext cx="1386499" cy="1206695"/>
          </a:xfrm>
          <a:prstGeom prst="roundRect">
            <a:avLst/>
          </a:prstGeom>
          <a:solidFill>
            <a:srgbClr val="5E9968"/>
          </a:solidFill>
          <a:ln>
            <a:noFill/>
          </a:ln>
          <a:effectLst/>
          <a:scene3d>
            <a:camera prst="orthographicFront">
              <a:rot lat="0" lon="0" rev="0"/>
            </a:camera>
            <a:lightRig rig="brightRoom" dir="t">
              <a:rot lat="0" lon="0" rev="600000"/>
            </a:lightRig>
          </a:scene3d>
          <a:sp3d prstMaterial="metal">
            <a:bevelT w="38100" h="57150" prst="angle"/>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GB" sz="1000">
                <a:latin typeface="Roboto (Headings)"/>
                <a:cs typeface="Calibri" panose="020F0502020204030204" pitchFamily="34" charset="0"/>
              </a:rPr>
              <a:t>PAB PROCEDURES DOCUMENT</a:t>
            </a:r>
          </a:p>
        </p:txBody>
      </p:sp>
      <p:sp>
        <p:nvSpPr>
          <p:cNvPr id="26" name="Oval 25">
            <a:hlinkClick r:id="rId11"/>
            <a:extLst>
              <a:ext uri="{FF2B5EF4-FFF2-40B4-BE49-F238E27FC236}">
                <a16:creationId xmlns:a16="http://schemas.microsoft.com/office/drawing/2014/main" id="{F9D0883B-1B02-4FFB-BA4E-BE59F6B03F15}"/>
              </a:ext>
            </a:extLst>
          </p:cNvPr>
          <p:cNvSpPr/>
          <p:nvPr/>
        </p:nvSpPr>
        <p:spPr>
          <a:xfrm>
            <a:off x="10994295" y="6064725"/>
            <a:ext cx="547183" cy="449969"/>
          </a:xfrm>
          <a:prstGeom prst="ellipse">
            <a:avLst/>
          </a:prstGeom>
          <a:solidFill>
            <a:srgbClr val="E7AB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500" b="1">
                <a:latin typeface="Roboto (Headings)"/>
              </a:rPr>
              <a:t>READ MORE</a:t>
            </a:r>
          </a:p>
          <a:p>
            <a:pPr algn="ctr"/>
            <a:r>
              <a:rPr lang="en-GB" sz="200" b="1">
                <a:latin typeface="Roboto (Headings)"/>
              </a:rPr>
              <a:t>CLICK HERE</a:t>
            </a:r>
          </a:p>
        </p:txBody>
      </p:sp>
      <p:sp>
        <p:nvSpPr>
          <p:cNvPr id="17" name="TextBox 16">
            <a:extLst>
              <a:ext uri="{FF2B5EF4-FFF2-40B4-BE49-F238E27FC236}">
                <a16:creationId xmlns:a16="http://schemas.microsoft.com/office/drawing/2014/main" id="{54455298-EDB7-4EB1-8879-06DB9F06E120}"/>
              </a:ext>
            </a:extLst>
          </p:cNvPr>
          <p:cNvSpPr txBox="1"/>
          <p:nvPr/>
        </p:nvSpPr>
        <p:spPr>
          <a:xfrm>
            <a:off x="6207326" y="545428"/>
            <a:ext cx="5266063" cy="369332"/>
          </a:xfrm>
          <a:prstGeom prst="rect">
            <a:avLst/>
          </a:prstGeom>
          <a:noFill/>
        </p:spPr>
        <p:txBody>
          <a:bodyPr wrap="square" rtlCol="0">
            <a:spAutoFit/>
          </a:bodyPr>
          <a:lstStyle/>
          <a:p>
            <a:r>
              <a:rPr lang="en-GB" dirty="0">
                <a:solidFill>
                  <a:schemeClr val="bg1"/>
                </a:solidFill>
              </a:rPr>
              <a:t>Animation holder</a:t>
            </a:r>
          </a:p>
        </p:txBody>
      </p:sp>
      <p:sp>
        <p:nvSpPr>
          <p:cNvPr id="2" name="Rectangle: Rounded Corners 1">
            <a:extLst>
              <a:ext uri="{FF2B5EF4-FFF2-40B4-BE49-F238E27FC236}">
                <a16:creationId xmlns:a16="http://schemas.microsoft.com/office/drawing/2014/main" id="{F0ADDEEF-8B25-447A-2084-0D4E7A5805AF}"/>
              </a:ext>
            </a:extLst>
          </p:cNvPr>
          <p:cNvSpPr/>
          <p:nvPr/>
        </p:nvSpPr>
        <p:spPr>
          <a:xfrm>
            <a:off x="2992181" y="5041814"/>
            <a:ext cx="2709622" cy="814077"/>
          </a:xfrm>
          <a:prstGeom prst="roundRect">
            <a:avLst/>
          </a:prstGeom>
          <a:solidFill>
            <a:srgbClr val="43B02A"/>
          </a:solidFill>
          <a:ln>
            <a:solidFill>
              <a:schemeClr val="bg2">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TextBox 2">
            <a:extLst>
              <a:ext uri="{FF2B5EF4-FFF2-40B4-BE49-F238E27FC236}">
                <a16:creationId xmlns:a16="http://schemas.microsoft.com/office/drawing/2014/main" id="{6F554EED-35B8-B5F7-0BE0-4DE0FCCD14FA}"/>
              </a:ext>
            </a:extLst>
          </p:cNvPr>
          <p:cNvSpPr txBox="1"/>
          <p:nvPr/>
        </p:nvSpPr>
        <p:spPr>
          <a:xfrm>
            <a:off x="3064394" y="5049286"/>
            <a:ext cx="2677132" cy="830997"/>
          </a:xfrm>
          <a:prstGeom prst="rect">
            <a:avLst/>
          </a:prstGeom>
          <a:noFill/>
        </p:spPr>
        <p:txBody>
          <a:bodyPr wrap="square" rtlCol="0">
            <a:spAutoFit/>
          </a:bodyPr>
          <a:lstStyle/>
          <a:p>
            <a:r>
              <a:rPr lang="en-GB" sz="800" dirty="0">
                <a:solidFill>
                  <a:schemeClr val="bg1"/>
                </a:solidFill>
                <a:latin typeface="+mj-lt"/>
              </a:rPr>
              <a:t>You have: </a:t>
            </a:r>
          </a:p>
          <a:p>
            <a:pPr marL="171450" indent="-171450">
              <a:buFont typeface="Arial" panose="020B0604020202020204" pitchFamily="34" charset="0"/>
              <a:buChar char="•"/>
            </a:pPr>
            <a:r>
              <a:rPr lang="en-GB" sz="800" dirty="0">
                <a:solidFill>
                  <a:schemeClr val="bg1"/>
                </a:solidFill>
                <a:latin typeface="+mj-lt"/>
              </a:rPr>
              <a:t>Become insolvent </a:t>
            </a:r>
          </a:p>
          <a:p>
            <a:pPr marL="171450" indent="-171450">
              <a:buFont typeface="Arial" panose="020B0604020202020204" pitchFamily="34" charset="0"/>
              <a:buChar char="•"/>
            </a:pPr>
            <a:r>
              <a:rPr lang="en-GB" sz="800" dirty="0">
                <a:solidFill>
                  <a:schemeClr val="bg1"/>
                </a:solidFill>
                <a:latin typeface="+mj-lt"/>
              </a:rPr>
              <a:t>Failed to adequately engage with the audit process</a:t>
            </a:r>
          </a:p>
          <a:p>
            <a:pPr marL="171450" indent="-171450">
              <a:buFont typeface="Arial" panose="020B0604020202020204" pitchFamily="34" charset="0"/>
              <a:buChar char="•"/>
            </a:pPr>
            <a:r>
              <a:rPr lang="en-GB" sz="800" dirty="0">
                <a:solidFill>
                  <a:schemeClr val="bg1"/>
                </a:solidFill>
                <a:latin typeface="+mj-lt"/>
              </a:rPr>
              <a:t>Failed to make payment for membership/audit fees</a:t>
            </a:r>
          </a:p>
          <a:p>
            <a:pPr marL="171450" indent="-171450">
              <a:buFont typeface="Arial" panose="020B0604020202020204" pitchFamily="34" charset="0"/>
              <a:buChar char="•"/>
            </a:pPr>
            <a:r>
              <a:rPr lang="en-GB" sz="800" dirty="0">
                <a:solidFill>
                  <a:schemeClr val="bg1"/>
                </a:solidFill>
                <a:latin typeface="+mj-lt"/>
              </a:rPr>
              <a:t>Act in a manner inconsistent with the ASP objectives of </a:t>
            </a:r>
            <a:r>
              <a:rPr lang="en-GB" sz="800" dirty="0" err="1">
                <a:solidFill>
                  <a:schemeClr val="bg1"/>
                </a:solidFill>
                <a:latin typeface="+mj-lt"/>
              </a:rPr>
              <a:t>CoMCoP</a:t>
            </a:r>
            <a:endParaRPr lang="en-GB" sz="800" dirty="0">
              <a:solidFill>
                <a:schemeClr val="bg1"/>
              </a:solidFill>
              <a:latin typeface="+mj-lt"/>
            </a:endParaRPr>
          </a:p>
        </p:txBody>
      </p:sp>
    </p:spTree>
    <p:extLst>
      <p:ext uri="{BB962C8B-B14F-4D97-AF65-F5344CB8AC3E}">
        <p14:creationId xmlns:p14="http://schemas.microsoft.com/office/powerpoint/2010/main" val="494479717"/>
      </p:ext>
    </p:extLst>
  </p:cSld>
  <p:clrMapOvr>
    <a:masterClrMapping/>
  </p:clrMapOvr>
  <mc:AlternateContent xmlns:mc="http://schemas.openxmlformats.org/markup-compatibility/2006" xmlns:p14="http://schemas.microsoft.com/office/powerpoint/2010/main">
    <mc:Choice Requires="p14">
      <p:transition spd="slow" p14:dur="2000" advClick="0" advTm="0"/>
    </mc:Choice>
    <mc:Fallback xmlns="">
      <p:transition spd="slow" advClick="0" advTm="0"/>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9DFE24A0-081A-48D2-888B-AAFDD541F383}"/>
              </a:ext>
            </a:extLst>
          </p:cNvPr>
          <p:cNvPicPr>
            <a:picLocks noChangeAspect="1"/>
          </p:cNvPicPr>
          <p:nvPr/>
        </p:nvPicPr>
        <p:blipFill rotWithShape="1">
          <a:blip r:embed="rId2"/>
          <a:srcRect r="5961" b="1387"/>
          <a:stretch/>
        </p:blipFill>
        <p:spPr>
          <a:xfrm>
            <a:off x="1" y="1"/>
            <a:ext cx="2355742" cy="6509288"/>
          </a:xfrm>
          <a:prstGeom prst="rect">
            <a:avLst/>
          </a:prstGeom>
        </p:spPr>
      </p:pic>
      <p:sp>
        <p:nvSpPr>
          <p:cNvPr id="16" name="Title 1">
            <a:extLst>
              <a:ext uri="{FF2B5EF4-FFF2-40B4-BE49-F238E27FC236}">
                <a16:creationId xmlns:a16="http://schemas.microsoft.com/office/drawing/2014/main" id="{DEA2E82F-EC93-4C0F-9414-2B185F761E38}"/>
              </a:ext>
            </a:extLst>
          </p:cNvPr>
          <p:cNvSpPr txBox="1">
            <a:spLocks/>
          </p:cNvSpPr>
          <p:nvPr/>
        </p:nvSpPr>
        <p:spPr>
          <a:xfrm>
            <a:off x="2444235" y="1278774"/>
            <a:ext cx="7554686" cy="67844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000" b="1" i="0" kern="1200" cap="all" spc="250" baseline="0">
                <a:solidFill>
                  <a:srgbClr val="68A495"/>
                </a:solidFill>
                <a:latin typeface="Roboto" panose="02000000000000000000" pitchFamily="2" charset="0"/>
                <a:ea typeface="+mj-ea"/>
                <a:cs typeface="+mj-cs"/>
              </a:defRPr>
            </a:lvl1pPr>
          </a:lstStyle>
          <a:p>
            <a:r>
              <a:rPr lang="en-GB" sz="2400"/>
              <a:t>SUBMITTING CUSTOMER SURVEYS</a:t>
            </a:r>
            <a:br>
              <a:rPr lang="en-GB" sz="2400"/>
            </a:br>
            <a:endParaRPr lang="en-GB" sz="2400"/>
          </a:p>
        </p:txBody>
      </p:sp>
      <p:pic>
        <p:nvPicPr>
          <p:cNvPr id="18" name="Picture 17">
            <a:hlinkClick r:id="" action="ppaction://hlinkshowjump?jump=nextslide"/>
            <a:extLst>
              <a:ext uri="{FF2B5EF4-FFF2-40B4-BE49-F238E27FC236}">
                <a16:creationId xmlns:a16="http://schemas.microsoft.com/office/drawing/2014/main" id="{81ACAE4C-DB6D-4F8B-8316-71C3E1E86B7A}"/>
              </a:ext>
            </a:extLst>
          </p:cNvPr>
          <p:cNvPicPr>
            <a:picLocks noChangeAspect="1"/>
          </p:cNvPicPr>
          <p:nvPr/>
        </p:nvPicPr>
        <p:blipFill>
          <a:blip r:embed="rId3"/>
          <a:stretch>
            <a:fillRect/>
          </a:stretch>
        </p:blipFill>
        <p:spPr>
          <a:xfrm>
            <a:off x="11127525" y="305316"/>
            <a:ext cx="704850" cy="447675"/>
          </a:xfrm>
          <a:prstGeom prst="rect">
            <a:avLst/>
          </a:prstGeom>
        </p:spPr>
      </p:pic>
      <p:pic>
        <p:nvPicPr>
          <p:cNvPr id="19" name="Picture 18">
            <a:hlinkClick r:id="" action="ppaction://hlinkshowjump?jump=previousslide"/>
            <a:extLst>
              <a:ext uri="{FF2B5EF4-FFF2-40B4-BE49-F238E27FC236}">
                <a16:creationId xmlns:a16="http://schemas.microsoft.com/office/drawing/2014/main" id="{7E0D6525-F50B-4BB4-9F82-8295D053E569}"/>
              </a:ext>
            </a:extLst>
          </p:cNvPr>
          <p:cNvPicPr>
            <a:picLocks noChangeAspect="1"/>
          </p:cNvPicPr>
          <p:nvPr/>
        </p:nvPicPr>
        <p:blipFill>
          <a:blip r:embed="rId4"/>
          <a:stretch>
            <a:fillRect/>
          </a:stretch>
        </p:blipFill>
        <p:spPr>
          <a:xfrm>
            <a:off x="5041765" y="305316"/>
            <a:ext cx="676275" cy="533400"/>
          </a:xfrm>
          <a:prstGeom prst="rect">
            <a:avLst/>
          </a:prstGeom>
        </p:spPr>
      </p:pic>
      <p:pic>
        <p:nvPicPr>
          <p:cNvPr id="21" name="Picture 20">
            <a:hlinkClick r:id="rId5" action="ppaction://hlinksldjump"/>
            <a:extLst>
              <a:ext uri="{FF2B5EF4-FFF2-40B4-BE49-F238E27FC236}">
                <a16:creationId xmlns:a16="http://schemas.microsoft.com/office/drawing/2014/main" id="{164B3B6F-9E8F-43F1-AB84-0BFC6D027088}"/>
              </a:ext>
            </a:extLst>
          </p:cNvPr>
          <p:cNvPicPr>
            <a:picLocks noChangeAspect="1"/>
          </p:cNvPicPr>
          <p:nvPr/>
        </p:nvPicPr>
        <p:blipFill>
          <a:blip r:embed="rId6"/>
          <a:stretch>
            <a:fillRect/>
          </a:stretch>
        </p:blipFill>
        <p:spPr>
          <a:xfrm>
            <a:off x="3917185" y="322134"/>
            <a:ext cx="485775" cy="477679"/>
          </a:xfrm>
          <a:prstGeom prst="rect">
            <a:avLst/>
          </a:prstGeom>
        </p:spPr>
      </p:pic>
      <p:sp>
        <p:nvSpPr>
          <p:cNvPr id="23" name="Rectangle 22">
            <a:extLst>
              <a:ext uri="{FF2B5EF4-FFF2-40B4-BE49-F238E27FC236}">
                <a16:creationId xmlns:a16="http://schemas.microsoft.com/office/drawing/2014/main" id="{919CD225-6325-4AB3-94E4-F37DCE48D273}"/>
              </a:ext>
            </a:extLst>
          </p:cNvPr>
          <p:cNvSpPr/>
          <p:nvPr/>
        </p:nvSpPr>
        <p:spPr>
          <a:xfrm>
            <a:off x="2462409" y="1709502"/>
            <a:ext cx="8898121" cy="954107"/>
          </a:xfrm>
          <a:prstGeom prst="rect">
            <a:avLst/>
          </a:prstGeom>
        </p:spPr>
        <p:txBody>
          <a:bodyPr wrap="square">
            <a:spAutoFit/>
          </a:bodyPr>
          <a:lstStyle/>
          <a:p>
            <a:r>
              <a:rPr lang="en-GB" sz="1400" dirty="0">
                <a:solidFill>
                  <a:srgbClr val="3C3C3B"/>
                </a:solidFill>
                <a:ea typeface="Arial" panose="020B0604020202020204" pitchFamily="34" charset="0"/>
                <a:cs typeface="Arial" panose="020B0604020202020204" pitchFamily="34" charset="0"/>
              </a:rPr>
              <a:t>The REC requires those operating as SMIs to undertake quarterly surveys of Domestic and Micro Business customers. The questions can be found in </a:t>
            </a:r>
            <a:r>
              <a:rPr lang="en-GB" sz="1400" dirty="0" err="1">
                <a:solidFill>
                  <a:srgbClr val="3C3C3B"/>
                </a:solidFill>
                <a:ea typeface="Arial" panose="020B0604020202020204" pitchFamily="34" charset="0"/>
                <a:cs typeface="Arial" panose="020B0604020202020204" pitchFamily="34" charset="0"/>
              </a:rPr>
              <a:t>CoMCoP</a:t>
            </a:r>
            <a:r>
              <a:rPr lang="en-GB" sz="1400" dirty="0">
                <a:solidFill>
                  <a:srgbClr val="3C3C3B"/>
                </a:solidFill>
                <a:ea typeface="Arial" panose="020B0604020202020204" pitchFamily="34" charset="0"/>
                <a:cs typeface="Arial" panose="020B0604020202020204" pitchFamily="34" charset="0"/>
              </a:rPr>
              <a:t>. If surveys have not been received in line with the reporting submission deadline, you will be notified and the matter may be referred to the PAB or Ofgem as appropriate. </a:t>
            </a:r>
            <a:endParaRPr lang="en-GB" sz="1400" dirty="0">
              <a:ea typeface="Arial" panose="020B0604020202020204" pitchFamily="34" charset="0"/>
              <a:cs typeface="Arial" panose="020B0604020202020204" pitchFamily="34" charset="0"/>
            </a:endParaRPr>
          </a:p>
        </p:txBody>
      </p:sp>
      <p:pic>
        <p:nvPicPr>
          <p:cNvPr id="11" name="Picture 10">
            <a:hlinkClick r:id="rId7"/>
            <a:extLst>
              <a:ext uri="{FF2B5EF4-FFF2-40B4-BE49-F238E27FC236}">
                <a16:creationId xmlns:a16="http://schemas.microsoft.com/office/drawing/2014/main" id="{207A8483-F3BD-4E12-AA55-5C4612F4C5CD}"/>
              </a:ext>
            </a:extLst>
          </p:cNvPr>
          <p:cNvPicPr>
            <a:picLocks noChangeAspect="1"/>
          </p:cNvPicPr>
          <p:nvPr/>
        </p:nvPicPr>
        <p:blipFill>
          <a:blip r:embed="rId8"/>
          <a:stretch>
            <a:fillRect/>
          </a:stretch>
        </p:blipFill>
        <p:spPr>
          <a:xfrm>
            <a:off x="4453970" y="323563"/>
            <a:ext cx="485775" cy="476250"/>
          </a:xfrm>
          <a:prstGeom prst="rect">
            <a:avLst/>
          </a:prstGeom>
        </p:spPr>
      </p:pic>
      <p:grpSp>
        <p:nvGrpSpPr>
          <p:cNvPr id="2" name="Group 1">
            <a:extLst>
              <a:ext uri="{FF2B5EF4-FFF2-40B4-BE49-F238E27FC236}">
                <a16:creationId xmlns:a16="http://schemas.microsoft.com/office/drawing/2014/main" id="{B5DDC8A3-B24A-F02C-CF39-1FE2B3877E68}"/>
              </a:ext>
            </a:extLst>
          </p:cNvPr>
          <p:cNvGrpSpPr/>
          <p:nvPr/>
        </p:nvGrpSpPr>
        <p:grpSpPr>
          <a:xfrm>
            <a:off x="3012683" y="2707173"/>
            <a:ext cx="9061804" cy="3914637"/>
            <a:chOff x="6753973" y="2833078"/>
            <a:chExt cx="5251819" cy="3676211"/>
          </a:xfrm>
        </p:grpSpPr>
        <p:cxnSp>
          <p:nvCxnSpPr>
            <p:cNvPr id="3" name="Straight Connector 2">
              <a:extLst>
                <a:ext uri="{FF2B5EF4-FFF2-40B4-BE49-F238E27FC236}">
                  <a16:creationId xmlns:a16="http://schemas.microsoft.com/office/drawing/2014/main" id="{C2D367CD-EFB1-17A6-5018-8C2450EC22E4}"/>
                </a:ext>
              </a:extLst>
            </p:cNvPr>
            <p:cNvCxnSpPr>
              <a:cxnSpLocks/>
            </p:cNvCxnSpPr>
            <p:nvPr/>
          </p:nvCxnSpPr>
          <p:spPr>
            <a:xfrm flipH="1">
              <a:off x="6753973" y="2909924"/>
              <a:ext cx="18341" cy="3599365"/>
            </a:xfrm>
            <a:prstGeom prst="line">
              <a:avLst/>
            </a:prstGeom>
            <a:ln w="19050">
              <a:solidFill>
                <a:srgbClr val="70ADA3"/>
              </a:solidFill>
              <a:prstDash val="lgDash"/>
            </a:ln>
          </p:spPr>
          <p:style>
            <a:lnRef idx="1">
              <a:schemeClr val="accent1"/>
            </a:lnRef>
            <a:fillRef idx="0">
              <a:schemeClr val="accent1"/>
            </a:fillRef>
            <a:effectRef idx="0">
              <a:schemeClr val="accent1"/>
            </a:effectRef>
            <a:fontRef idx="minor">
              <a:schemeClr val="tx1"/>
            </a:fontRef>
          </p:style>
        </p:cxnSp>
        <p:cxnSp>
          <p:nvCxnSpPr>
            <p:cNvPr id="4" name="Straight Connector 3">
              <a:extLst>
                <a:ext uri="{FF2B5EF4-FFF2-40B4-BE49-F238E27FC236}">
                  <a16:creationId xmlns:a16="http://schemas.microsoft.com/office/drawing/2014/main" id="{490607A5-1AF4-5A8E-B375-1EEE00AAEC8B}"/>
                </a:ext>
              </a:extLst>
            </p:cNvPr>
            <p:cNvCxnSpPr>
              <a:cxnSpLocks/>
            </p:cNvCxnSpPr>
            <p:nvPr/>
          </p:nvCxnSpPr>
          <p:spPr>
            <a:xfrm>
              <a:off x="6771597" y="2833078"/>
              <a:ext cx="5170687" cy="28178"/>
            </a:xfrm>
            <a:prstGeom prst="line">
              <a:avLst/>
            </a:prstGeom>
            <a:ln w="19050">
              <a:solidFill>
                <a:srgbClr val="70ADA3"/>
              </a:solidFill>
              <a:prstDash val="lgDash"/>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3346ACC1-804E-D8E1-9EC9-8D00BC2F025E}"/>
                </a:ext>
              </a:extLst>
            </p:cNvPr>
            <p:cNvCxnSpPr>
              <a:cxnSpLocks/>
            </p:cNvCxnSpPr>
            <p:nvPr/>
          </p:nvCxnSpPr>
          <p:spPr>
            <a:xfrm>
              <a:off x="6771597" y="6481111"/>
              <a:ext cx="5170687" cy="28178"/>
            </a:xfrm>
            <a:prstGeom prst="line">
              <a:avLst/>
            </a:prstGeom>
            <a:ln w="19050">
              <a:solidFill>
                <a:srgbClr val="70ADA3"/>
              </a:solidFill>
              <a:prstDash val="lgDash"/>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916032D3-6CEF-57D7-3AD1-12389769AC22}"/>
                </a:ext>
              </a:extLst>
            </p:cNvPr>
            <p:cNvCxnSpPr>
              <a:cxnSpLocks/>
            </p:cNvCxnSpPr>
            <p:nvPr/>
          </p:nvCxnSpPr>
          <p:spPr>
            <a:xfrm flipH="1">
              <a:off x="11987451" y="2861256"/>
              <a:ext cx="18341" cy="3599365"/>
            </a:xfrm>
            <a:prstGeom prst="line">
              <a:avLst/>
            </a:prstGeom>
            <a:ln w="19050">
              <a:solidFill>
                <a:srgbClr val="70ADA3"/>
              </a:solidFill>
              <a:prstDash val="lgDash"/>
            </a:ln>
          </p:spPr>
          <p:style>
            <a:lnRef idx="1">
              <a:schemeClr val="accent1"/>
            </a:lnRef>
            <a:fillRef idx="0">
              <a:schemeClr val="accent1"/>
            </a:fillRef>
            <a:effectRef idx="0">
              <a:schemeClr val="accent1"/>
            </a:effectRef>
            <a:fontRef idx="minor">
              <a:schemeClr val="tx1"/>
            </a:fontRef>
          </p:style>
        </p:cxnSp>
      </p:grpSp>
      <p:pic>
        <p:nvPicPr>
          <p:cNvPr id="7" name="Picture 6">
            <a:extLst>
              <a:ext uri="{FF2B5EF4-FFF2-40B4-BE49-F238E27FC236}">
                <a16:creationId xmlns:a16="http://schemas.microsoft.com/office/drawing/2014/main" id="{1BB2CA84-D5CF-FDEB-260C-5DE059F1C3F6}"/>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4149" t="5418" r="11157" b="45898"/>
          <a:stretch/>
        </p:blipFill>
        <p:spPr bwMode="auto">
          <a:xfrm>
            <a:off x="5713318" y="4630296"/>
            <a:ext cx="1186415" cy="1199885"/>
          </a:xfrm>
          <a:prstGeom prst="rect">
            <a:avLst/>
          </a:prstGeom>
          <a:noFill/>
          <a:extLst>
            <a:ext uri="{909E8E84-426E-40DD-AFC4-6F175D3DCCD1}">
              <a14:hiddenFill xmlns:a14="http://schemas.microsoft.com/office/drawing/2010/main">
                <a:solidFill>
                  <a:srgbClr val="FFFFFF"/>
                </a:solidFill>
              </a14:hiddenFill>
            </a:ext>
          </a:extLst>
        </p:spPr>
      </p:pic>
      <p:sp>
        <p:nvSpPr>
          <p:cNvPr id="12" name="Rectangle: Rounded Corners 11">
            <a:extLst>
              <a:ext uri="{FF2B5EF4-FFF2-40B4-BE49-F238E27FC236}">
                <a16:creationId xmlns:a16="http://schemas.microsoft.com/office/drawing/2014/main" id="{7351A0D1-F00F-974B-FD72-3CD3B3961B0A}"/>
              </a:ext>
            </a:extLst>
          </p:cNvPr>
          <p:cNvSpPr/>
          <p:nvPr/>
        </p:nvSpPr>
        <p:spPr>
          <a:xfrm>
            <a:off x="3185354" y="2876564"/>
            <a:ext cx="1579759" cy="959624"/>
          </a:xfrm>
          <a:prstGeom prst="roundRect">
            <a:avLst/>
          </a:prstGeom>
          <a:solidFill>
            <a:srgbClr val="70ADA3"/>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Upload Smart Meter Installation Monitoring and Compliance spreadsheet to REC Portal.</a:t>
            </a:r>
          </a:p>
        </p:txBody>
      </p:sp>
      <p:sp>
        <p:nvSpPr>
          <p:cNvPr id="13" name="Rectangle: Rounded Corners 12">
            <a:extLst>
              <a:ext uri="{FF2B5EF4-FFF2-40B4-BE49-F238E27FC236}">
                <a16:creationId xmlns:a16="http://schemas.microsoft.com/office/drawing/2014/main" id="{0E733339-DCB8-476F-FFE1-6C79CD5C04D6}"/>
              </a:ext>
            </a:extLst>
          </p:cNvPr>
          <p:cNvSpPr/>
          <p:nvPr/>
        </p:nvSpPr>
        <p:spPr>
          <a:xfrm>
            <a:off x="4906137" y="2866500"/>
            <a:ext cx="1454197" cy="969688"/>
          </a:xfrm>
          <a:prstGeom prst="roundRect">
            <a:avLst/>
          </a:prstGeom>
          <a:solidFill>
            <a:srgbClr val="70ADA3"/>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The Code Manager will publish the data  from your survey into your REC portal account.</a:t>
            </a:r>
          </a:p>
        </p:txBody>
      </p:sp>
      <p:sp>
        <p:nvSpPr>
          <p:cNvPr id="14" name="Rectangle: Rounded Corners 13">
            <a:extLst>
              <a:ext uri="{FF2B5EF4-FFF2-40B4-BE49-F238E27FC236}">
                <a16:creationId xmlns:a16="http://schemas.microsoft.com/office/drawing/2014/main" id="{D97FD40F-C3E8-9651-8AA4-59F848A245A1}"/>
              </a:ext>
            </a:extLst>
          </p:cNvPr>
          <p:cNvSpPr/>
          <p:nvPr/>
        </p:nvSpPr>
        <p:spPr>
          <a:xfrm>
            <a:off x="6501358" y="2876564"/>
            <a:ext cx="1628393" cy="969688"/>
          </a:xfrm>
          <a:prstGeom prst="roundRect">
            <a:avLst/>
          </a:prstGeom>
          <a:solidFill>
            <a:srgbClr val="70ADA3"/>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You will have 5WD from the publication of your specific data to challenge the aggregation of data by the Code Manager.</a:t>
            </a:r>
          </a:p>
        </p:txBody>
      </p:sp>
      <p:sp>
        <p:nvSpPr>
          <p:cNvPr id="17" name="Rectangle: Rounded Corners 16">
            <a:extLst>
              <a:ext uri="{FF2B5EF4-FFF2-40B4-BE49-F238E27FC236}">
                <a16:creationId xmlns:a16="http://schemas.microsoft.com/office/drawing/2014/main" id="{233C8D18-3F79-1DA2-3A6B-F048EDAD93A2}"/>
              </a:ext>
            </a:extLst>
          </p:cNvPr>
          <p:cNvSpPr/>
          <p:nvPr/>
        </p:nvSpPr>
        <p:spPr>
          <a:xfrm>
            <a:off x="8259637" y="2874041"/>
            <a:ext cx="1801807" cy="969688"/>
          </a:xfrm>
          <a:prstGeom prst="roundRect">
            <a:avLst/>
          </a:prstGeom>
          <a:solidFill>
            <a:srgbClr val="70ADA3"/>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Assuming any challenges are resolved, the Code Manager will consolidate survey responses from all suppliers.</a:t>
            </a:r>
          </a:p>
        </p:txBody>
      </p:sp>
      <p:sp>
        <p:nvSpPr>
          <p:cNvPr id="20" name="Rectangle: Rounded Corners 19">
            <a:extLst>
              <a:ext uri="{FF2B5EF4-FFF2-40B4-BE49-F238E27FC236}">
                <a16:creationId xmlns:a16="http://schemas.microsoft.com/office/drawing/2014/main" id="{3B5908EE-CAA9-D046-6ECF-6DBEDEA99ABC}"/>
              </a:ext>
            </a:extLst>
          </p:cNvPr>
          <p:cNvSpPr/>
          <p:nvPr/>
        </p:nvSpPr>
        <p:spPr>
          <a:xfrm>
            <a:off x="10174117" y="2863144"/>
            <a:ext cx="1801807" cy="969688"/>
          </a:xfrm>
          <a:prstGeom prst="roundRect">
            <a:avLst/>
          </a:prstGeom>
          <a:solidFill>
            <a:srgbClr val="70ADA3"/>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The Code Manager will then publish the results of the survey on the REC portal and for the PAB.</a:t>
            </a:r>
          </a:p>
        </p:txBody>
      </p:sp>
      <p:sp>
        <p:nvSpPr>
          <p:cNvPr id="22" name="Rectangle: Rounded Corners 21">
            <a:extLst>
              <a:ext uri="{FF2B5EF4-FFF2-40B4-BE49-F238E27FC236}">
                <a16:creationId xmlns:a16="http://schemas.microsoft.com/office/drawing/2014/main" id="{ACDE6B9B-5372-10E9-E96B-9668B89B3730}"/>
              </a:ext>
            </a:extLst>
          </p:cNvPr>
          <p:cNvSpPr/>
          <p:nvPr/>
        </p:nvSpPr>
        <p:spPr>
          <a:xfrm>
            <a:off x="2400640" y="4194392"/>
            <a:ext cx="1224085" cy="871808"/>
          </a:xfrm>
          <a:prstGeom prst="roundRect">
            <a:avLst/>
          </a:prstGeom>
          <a:solidFill>
            <a:srgbClr val="70ADA3"/>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Have you submitted a Customer Survey before</a:t>
            </a:r>
            <a:r>
              <a:rPr lang="en-GB" sz="900" dirty="0"/>
              <a:t>?</a:t>
            </a:r>
          </a:p>
        </p:txBody>
      </p:sp>
      <p:sp>
        <p:nvSpPr>
          <p:cNvPr id="25" name="Rectangle: Rounded Corners 24">
            <a:extLst>
              <a:ext uri="{FF2B5EF4-FFF2-40B4-BE49-F238E27FC236}">
                <a16:creationId xmlns:a16="http://schemas.microsoft.com/office/drawing/2014/main" id="{5DAA3A70-BDA5-CEB5-FB4B-346938032DBE}"/>
              </a:ext>
            </a:extLst>
          </p:cNvPr>
          <p:cNvSpPr/>
          <p:nvPr/>
        </p:nvSpPr>
        <p:spPr>
          <a:xfrm>
            <a:off x="3265746" y="5378566"/>
            <a:ext cx="1579758" cy="871808"/>
          </a:xfrm>
          <a:prstGeom prst="roundRect">
            <a:avLst/>
          </a:prstGeom>
          <a:solidFill>
            <a:srgbClr val="70ADA3"/>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Complete and send a methodology statement to DESNZ and Ofgem.</a:t>
            </a:r>
          </a:p>
        </p:txBody>
      </p:sp>
      <p:graphicFrame>
        <p:nvGraphicFramePr>
          <p:cNvPr id="26" name="Table 26">
            <a:extLst>
              <a:ext uri="{FF2B5EF4-FFF2-40B4-BE49-F238E27FC236}">
                <a16:creationId xmlns:a16="http://schemas.microsoft.com/office/drawing/2014/main" id="{1FD505C4-6D5A-E25A-55F5-E07B5EAA4900}"/>
              </a:ext>
            </a:extLst>
          </p:cNvPr>
          <p:cNvGraphicFramePr>
            <a:graphicFrameLocks noGrp="1"/>
          </p:cNvGraphicFramePr>
          <p:nvPr>
            <p:extLst>
              <p:ext uri="{D42A27DB-BD31-4B8C-83A1-F6EECF244321}">
                <p14:modId xmlns:p14="http://schemas.microsoft.com/office/powerpoint/2010/main" val="2337127670"/>
              </p:ext>
            </p:extLst>
          </p:nvPr>
        </p:nvGraphicFramePr>
        <p:xfrm>
          <a:off x="6959083" y="4194392"/>
          <a:ext cx="4873292" cy="2133600"/>
        </p:xfrm>
        <a:graphic>
          <a:graphicData uri="http://schemas.openxmlformats.org/drawingml/2006/table">
            <a:tbl>
              <a:tblPr firstRow="1" bandRow="1">
                <a:tableStyleId>{21E4AEA4-8DFA-4A89-87EB-49C32662AFE0}</a:tableStyleId>
              </a:tblPr>
              <a:tblGrid>
                <a:gridCol w="1428007">
                  <a:extLst>
                    <a:ext uri="{9D8B030D-6E8A-4147-A177-3AD203B41FA5}">
                      <a16:colId xmlns:a16="http://schemas.microsoft.com/office/drawing/2014/main" val="2999768914"/>
                    </a:ext>
                  </a:extLst>
                </a:gridCol>
                <a:gridCol w="1041944">
                  <a:extLst>
                    <a:ext uri="{9D8B030D-6E8A-4147-A177-3AD203B41FA5}">
                      <a16:colId xmlns:a16="http://schemas.microsoft.com/office/drawing/2014/main" val="1802955296"/>
                    </a:ext>
                  </a:extLst>
                </a:gridCol>
                <a:gridCol w="1219857">
                  <a:extLst>
                    <a:ext uri="{9D8B030D-6E8A-4147-A177-3AD203B41FA5}">
                      <a16:colId xmlns:a16="http://schemas.microsoft.com/office/drawing/2014/main" val="3400883130"/>
                    </a:ext>
                  </a:extLst>
                </a:gridCol>
                <a:gridCol w="1183484">
                  <a:extLst>
                    <a:ext uri="{9D8B030D-6E8A-4147-A177-3AD203B41FA5}">
                      <a16:colId xmlns:a16="http://schemas.microsoft.com/office/drawing/2014/main" val="2278636586"/>
                    </a:ext>
                  </a:extLst>
                </a:gridCol>
              </a:tblGrid>
              <a:tr h="455782">
                <a:tc>
                  <a:txBody>
                    <a:bodyPr/>
                    <a:lstStyle/>
                    <a:p>
                      <a:pPr algn="ctr"/>
                      <a:r>
                        <a:rPr lang="en-GB" sz="1000" dirty="0"/>
                        <a:t>Calendar Quarter (CQ)</a:t>
                      </a:r>
                    </a:p>
                  </a:txBody>
                  <a:tcPr/>
                </a:tc>
                <a:tc>
                  <a:txBody>
                    <a:bodyPr/>
                    <a:lstStyle/>
                    <a:p>
                      <a:pPr algn="ctr"/>
                      <a:r>
                        <a:rPr lang="en-GB" sz="1000" dirty="0"/>
                        <a:t>Relevant Reporting Period</a:t>
                      </a:r>
                    </a:p>
                  </a:txBody>
                  <a:tcPr/>
                </a:tc>
                <a:tc>
                  <a:txBody>
                    <a:bodyPr/>
                    <a:lstStyle/>
                    <a:p>
                      <a:pPr algn="ctr"/>
                      <a:r>
                        <a:rPr lang="en-GB" sz="1000" dirty="0"/>
                        <a:t>Reporting Submission Deadline</a:t>
                      </a:r>
                    </a:p>
                  </a:txBody>
                  <a:tcPr/>
                </a:tc>
                <a:tc>
                  <a:txBody>
                    <a:bodyPr/>
                    <a:lstStyle/>
                    <a:p>
                      <a:pPr algn="ctr"/>
                      <a:r>
                        <a:rPr lang="en-GB" sz="1000" dirty="0"/>
                        <a:t>Publication of Domestic Survey Results</a:t>
                      </a:r>
                    </a:p>
                  </a:txBody>
                  <a:tcPr/>
                </a:tc>
                <a:extLst>
                  <a:ext uri="{0D108BD9-81ED-4DB2-BD59-A6C34878D82A}">
                    <a16:rowId xmlns:a16="http://schemas.microsoft.com/office/drawing/2014/main" val="3586422228"/>
                  </a:ext>
                </a:extLst>
              </a:tr>
              <a:tr h="329176">
                <a:tc>
                  <a:txBody>
                    <a:bodyPr/>
                    <a:lstStyle/>
                    <a:p>
                      <a:pPr algn="ctr"/>
                      <a:r>
                        <a:rPr lang="en-GB" sz="1000" b="1" dirty="0">
                          <a:solidFill>
                            <a:schemeClr val="bg1"/>
                          </a:solidFill>
                        </a:rPr>
                        <a:t>CQ1</a:t>
                      </a:r>
                    </a:p>
                  </a:txBody>
                  <a:tcPr>
                    <a:solidFill>
                      <a:srgbClr val="70ADA3"/>
                    </a:solidFill>
                  </a:tcPr>
                </a:tc>
                <a:tc>
                  <a:txBody>
                    <a:bodyPr/>
                    <a:lstStyle/>
                    <a:p>
                      <a:pPr algn="ctr"/>
                      <a:r>
                        <a:rPr lang="en-GB" sz="1000" dirty="0"/>
                        <a:t>1 Jan to 31 Mar</a:t>
                      </a:r>
                    </a:p>
                  </a:txBody>
                  <a:tcPr/>
                </a:tc>
                <a:tc>
                  <a:txBody>
                    <a:bodyPr/>
                    <a:lstStyle/>
                    <a:p>
                      <a:pPr algn="ctr"/>
                      <a:r>
                        <a:rPr lang="en-GB" sz="1000" dirty="0"/>
                        <a:t>No later than 30 WDs after 31 Mar</a:t>
                      </a:r>
                    </a:p>
                  </a:txBody>
                  <a:tcPr/>
                </a:tc>
                <a:tc>
                  <a:txBody>
                    <a:bodyPr/>
                    <a:lstStyle/>
                    <a:p>
                      <a:pPr algn="ctr"/>
                      <a:r>
                        <a:rPr lang="en-GB" sz="1000" dirty="0"/>
                        <a:t>No later than last WD of Jun</a:t>
                      </a:r>
                    </a:p>
                  </a:txBody>
                  <a:tcPr/>
                </a:tc>
                <a:extLst>
                  <a:ext uri="{0D108BD9-81ED-4DB2-BD59-A6C34878D82A}">
                    <a16:rowId xmlns:a16="http://schemas.microsoft.com/office/drawing/2014/main" val="3876922917"/>
                  </a:ext>
                </a:extLst>
              </a:tr>
              <a:tr h="329176">
                <a:tc>
                  <a:txBody>
                    <a:bodyPr/>
                    <a:lstStyle/>
                    <a:p>
                      <a:pPr algn="ctr"/>
                      <a:r>
                        <a:rPr lang="en-GB" sz="1000" b="1" dirty="0">
                          <a:solidFill>
                            <a:schemeClr val="bg1"/>
                          </a:solidFill>
                        </a:rPr>
                        <a:t>CQ2</a:t>
                      </a:r>
                    </a:p>
                  </a:txBody>
                  <a:tcPr>
                    <a:solidFill>
                      <a:srgbClr val="70ADA3"/>
                    </a:solidFill>
                  </a:tcPr>
                </a:tc>
                <a:tc>
                  <a:txBody>
                    <a:bodyPr/>
                    <a:lstStyle/>
                    <a:p>
                      <a:pPr algn="ctr"/>
                      <a:r>
                        <a:rPr lang="en-GB" sz="1000" dirty="0"/>
                        <a:t>1 Apr to 30 Jun</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dirty="0"/>
                        <a:t>No later than 30 WDs after 30 Jun</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dirty="0"/>
                        <a:t>No later than last WD of Sep</a:t>
                      </a:r>
                    </a:p>
                  </a:txBody>
                  <a:tcPr/>
                </a:tc>
                <a:extLst>
                  <a:ext uri="{0D108BD9-81ED-4DB2-BD59-A6C34878D82A}">
                    <a16:rowId xmlns:a16="http://schemas.microsoft.com/office/drawing/2014/main" val="1583315247"/>
                  </a:ext>
                </a:extLst>
              </a:tr>
              <a:tr h="329176">
                <a:tc>
                  <a:txBody>
                    <a:bodyPr/>
                    <a:lstStyle/>
                    <a:p>
                      <a:pPr algn="ctr"/>
                      <a:r>
                        <a:rPr lang="en-GB" sz="1000" b="1" dirty="0">
                          <a:solidFill>
                            <a:schemeClr val="bg1"/>
                          </a:solidFill>
                        </a:rPr>
                        <a:t>CQ3</a:t>
                      </a:r>
                    </a:p>
                  </a:txBody>
                  <a:tcPr>
                    <a:solidFill>
                      <a:srgbClr val="70ADA3"/>
                    </a:solidFill>
                  </a:tcPr>
                </a:tc>
                <a:tc>
                  <a:txBody>
                    <a:bodyPr/>
                    <a:lstStyle/>
                    <a:p>
                      <a:pPr algn="ctr"/>
                      <a:r>
                        <a:rPr lang="en-GB" sz="1000" dirty="0"/>
                        <a:t>1 Jul to 30 Sep</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dirty="0"/>
                        <a:t>No later than 30 WDs after 30 Sep</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dirty="0"/>
                        <a:t>No later than last WD of Dec</a:t>
                      </a:r>
                    </a:p>
                  </a:txBody>
                  <a:tcPr/>
                </a:tc>
                <a:extLst>
                  <a:ext uri="{0D108BD9-81ED-4DB2-BD59-A6C34878D82A}">
                    <a16:rowId xmlns:a16="http://schemas.microsoft.com/office/drawing/2014/main" val="4196063308"/>
                  </a:ext>
                </a:extLst>
              </a:tr>
              <a:tr h="329176">
                <a:tc>
                  <a:txBody>
                    <a:bodyPr/>
                    <a:lstStyle/>
                    <a:p>
                      <a:pPr algn="ctr"/>
                      <a:r>
                        <a:rPr lang="en-GB" sz="1000" b="1" dirty="0">
                          <a:solidFill>
                            <a:schemeClr val="bg1"/>
                          </a:solidFill>
                        </a:rPr>
                        <a:t>CQ4</a:t>
                      </a:r>
                    </a:p>
                  </a:txBody>
                  <a:tcPr>
                    <a:solidFill>
                      <a:srgbClr val="70ADA3"/>
                    </a:solidFill>
                  </a:tcPr>
                </a:tc>
                <a:tc>
                  <a:txBody>
                    <a:bodyPr/>
                    <a:lstStyle/>
                    <a:p>
                      <a:pPr algn="ctr"/>
                      <a:r>
                        <a:rPr lang="en-GB" sz="1000" dirty="0"/>
                        <a:t>1 Oct to 31 Dec</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dirty="0"/>
                        <a:t>No later than 30 WDs after 31 Dec</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dirty="0"/>
                        <a:t>No later than last WD of Mar</a:t>
                      </a:r>
                    </a:p>
                  </a:txBody>
                  <a:tcPr/>
                </a:tc>
                <a:extLst>
                  <a:ext uri="{0D108BD9-81ED-4DB2-BD59-A6C34878D82A}">
                    <a16:rowId xmlns:a16="http://schemas.microsoft.com/office/drawing/2014/main" val="186528818"/>
                  </a:ext>
                </a:extLst>
              </a:tr>
            </a:tbl>
          </a:graphicData>
        </a:graphic>
      </p:graphicFrame>
      <p:cxnSp>
        <p:nvCxnSpPr>
          <p:cNvPr id="28" name="Straight Arrow Connector 27">
            <a:extLst>
              <a:ext uri="{FF2B5EF4-FFF2-40B4-BE49-F238E27FC236}">
                <a16:creationId xmlns:a16="http://schemas.microsoft.com/office/drawing/2014/main" id="{C10727A2-C5E5-7664-2818-16323825C0FD}"/>
              </a:ext>
            </a:extLst>
          </p:cNvPr>
          <p:cNvCxnSpPr>
            <a:cxnSpLocks/>
          </p:cNvCxnSpPr>
          <p:nvPr/>
        </p:nvCxnSpPr>
        <p:spPr>
          <a:xfrm flipV="1">
            <a:off x="4538949" y="3821815"/>
            <a:ext cx="0" cy="155675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2" name="Connector: Elbow 31">
            <a:extLst>
              <a:ext uri="{FF2B5EF4-FFF2-40B4-BE49-F238E27FC236}">
                <a16:creationId xmlns:a16="http://schemas.microsoft.com/office/drawing/2014/main" id="{C160CD40-CDD0-E71E-F5CF-506DB616D056}"/>
              </a:ext>
            </a:extLst>
          </p:cNvPr>
          <p:cNvCxnSpPr>
            <a:endCxn id="12" idx="1"/>
          </p:cNvCxnSpPr>
          <p:nvPr/>
        </p:nvCxnSpPr>
        <p:spPr>
          <a:xfrm rot="5400000" flipH="1" flipV="1">
            <a:off x="2517727" y="3526765"/>
            <a:ext cx="838016" cy="497238"/>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0" name="Connector: Elbow 39">
            <a:extLst>
              <a:ext uri="{FF2B5EF4-FFF2-40B4-BE49-F238E27FC236}">
                <a16:creationId xmlns:a16="http://schemas.microsoft.com/office/drawing/2014/main" id="{B084AAD9-E679-581E-8C04-F6EB8DD8C8A8}"/>
              </a:ext>
            </a:extLst>
          </p:cNvPr>
          <p:cNvCxnSpPr>
            <a:endCxn id="25" idx="1"/>
          </p:cNvCxnSpPr>
          <p:nvPr/>
        </p:nvCxnSpPr>
        <p:spPr>
          <a:xfrm rot="16200000" flipH="1">
            <a:off x="2602796" y="5151520"/>
            <a:ext cx="748270" cy="577630"/>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41" name="TextBox 40">
            <a:extLst>
              <a:ext uri="{FF2B5EF4-FFF2-40B4-BE49-F238E27FC236}">
                <a16:creationId xmlns:a16="http://schemas.microsoft.com/office/drawing/2014/main" id="{0EC87B4F-6624-F3CE-1CEB-7769CBC1A745}"/>
              </a:ext>
            </a:extLst>
          </p:cNvPr>
          <p:cNvSpPr txBox="1"/>
          <p:nvPr/>
        </p:nvSpPr>
        <p:spPr>
          <a:xfrm>
            <a:off x="2253244" y="3303935"/>
            <a:ext cx="829611" cy="246221"/>
          </a:xfrm>
          <a:prstGeom prst="rect">
            <a:avLst/>
          </a:prstGeom>
          <a:noFill/>
        </p:spPr>
        <p:txBody>
          <a:bodyPr wrap="square" rtlCol="0">
            <a:spAutoFit/>
          </a:bodyPr>
          <a:lstStyle/>
          <a:p>
            <a:r>
              <a:rPr lang="en-GB" sz="1000" dirty="0"/>
              <a:t>Yes</a:t>
            </a:r>
          </a:p>
        </p:txBody>
      </p:sp>
      <p:sp>
        <p:nvSpPr>
          <p:cNvPr id="42" name="TextBox 41">
            <a:extLst>
              <a:ext uri="{FF2B5EF4-FFF2-40B4-BE49-F238E27FC236}">
                <a16:creationId xmlns:a16="http://schemas.microsoft.com/office/drawing/2014/main" id="{0EEEA1B1-2A33-5587-D0FA-90F8050C59A4}"/>
              </a:ext>
            </a:extLst>
          </p:cNvPr>
          <p:cNvSpPr txBox="1"/>
          <p:nvPr/>
        </p:nvSpPr>
        <p:spPr>
          <a:xfrm>
            <a:off x="2325879" y="5644256"/>
            <a:ext cx="829611" cy="246221"/>
          </a:xfrm>
          <a:prstGeom prst="rect">
            <a:avLst/>
          </a:prstGeom>
          <a:noFill/>
        </p:spPr>
        <p:txBody>
          <a:bodyPr wrap="square" rtlCol="0">
            <a:spAutoFit/>
          </a:bodyPr>
          <a:lstStyle/>
          <a:p>
            <a:r>
              <a:rPr lang="en-GB" sz="1000" dirty="0"/>
              <a:t>No</a:t>
            </a:r>
          </a:p>
        </p:txBody>
      </p:sp>
      <p:cxnSp>
        <p:nvCxnSpPr>
          <p:cNvPr id="44" name="Straight Arrow Connector 43">
            <a:extLst>
              <a:ext uri="{FF2B5EF4-FFF2-40B4-BE49-F238E27FC236}">
                <a16:creationId xmlns:a16="http://schemas.microsoft.com/office/drawing/2014/main" id="{A51CF8CC-497C-E964-5419-0FFC913B28C8}"/>
              </a:ext>
            </a:extLst>
          </p:cNvPr>
          <p:cNvCxnSpPr>
            <a:stCxn id="12" idx="3"/>
            <a:endCxn id="13" idx="1"/>
          </p:cNvCxnSpPr>
          <p:nvPr/>
        </p:nvCxnSpPr>
        <p:spPr>
          <a:xfrm flipV="1">
            <a:off x="4765113" y="3351344"/>
            <a:ext cx="141024" cy="503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56848049-A022-1ADA-D3B4-9A81D6FC7FA0}"/>
              </a:ext>
            </a:extLst>
          </p:cNvPr>
          <p:cNvCxnSpPr>
            <a:stCxn id="13" idx="3"/>
            <a:endCxn id="14" idx="1"/>
          </p:cNvCxnSpPr>
          <p:nvPr/>
        </p:nvCxnSpPr>
        <p:spPr>
          <a:xfrm>
            <a:off x="6360334" y="3351344"/>
            <a:ext cx="141024" cy="100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a:extLst>
              <a:ext uri="{FF2B5EF4-FFF2-40B4-BE49-F238E27FC236}">
                <a16:creationId xmlns:a16="http://schemas.microsoft.com/office/drawing/2014/main" id="{906AC316-9821-74A4-7497-03CC87CE7350}"/>
              </a:ext>
            </a:extLst>
          </p:cNvPr>
          <p:cNvCxnSpPr>
            <a:stCxn id="14" idx="3"/>
            <a:endCxn id="17" idx="1"/>
          </p:cNvCxnSpPr>
          <p:nvPr/>
        </p:nvCxnSpPr>
        <p:spPr>
          <a:xfrm flipV="1">
            <a:off x="8129751" y="3358885"/>
            <a:ext cx="129886" cy="252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8" name="Straight Arrow Connector 57">
            <a:extLst>
              <a:ext uri="{FF2B5EF4-FFF2-40B4-BE49-F238E27FC236}">
                <a16:creationId xmlns:a16="http://schemas.microsoft.com/office/drawing/2014/main" id="{132C9FE9-252C-3974-2C21-A16508DCFDAF}"/>
              </a:ext>
            </a:extLst>
          </p:cNvPr>
          <p:cNvCxnSpPr>
            <a:stCxn id="17" idx="3"/>
            <a:endCxn id="20" idx="1"/>
          </p:cNvCxnSpPr>
          <p:nvPr/>
        </p:nvCxnSpPr>
        <p:spPr>
          <a:xfrm flipV="1">
            <a:off x="10061444" y="3347988"/>
            <a:ext cx="112673" cy="1089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31347567"/>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descr="Business team in boardroom">
            <a:extLst>
              <a:ext uri="{FF2B5EF4-FFF2-40B4-BE49-F238E27FC236}">
                <a16:creationId xmlns:a16="http://schemas.microsoft.com/office/drawing/2014/main" id="{FA303C3A-A5AB-445D-BB51-1AAB4A670275}"/>
              </a:ext>
            </a:extLst>
          </p:cNvPr>
          <p:cNvPicPr>
            <a:picLocks noChangeAspect="1"/>
          </p:cNvPicPr>
          <p:nvPr/>
        </p:nvPicPr>
        <p:blipFill rotWithShape="1">
          <a:blip r:embed="rId3">
            <a:extLst>
              <a:ext uri="{28A0092B-C50C-407E-A947-70E740481C1C}">
                <a14:useLocalDpi xmlns:a14="http://schemas.microsoft.com/office/drawing/2010/main" val="0"/>
              </a:ext>
            </a:extLst>
          </a:blip>
          <a:srcRect t="22088" b="34559"/>
          <a:stretch/>
        </p:blipFill>
        <p:spPr>
          <a:xfrm>
            <a:off x="2568233" y="3285679"/>
            <a:ext cx="8559292" cy="2473838"/>
          </a:xfrm>
          <a:prstGeom prst="rect">
            <a:avLst/>
          </a:prstGeom>
        </p:spPr>
      </p:pic>
      <p:pic>
        <p:nvPicPr>
          <p:cNvPr id="14" name="Picture 13">
            <a:extLst>
              <a:ext uri="{FF2B5EF4-FFF2-40B4-BE49-F238E27FC236}">
                <a16:creationId xmlns:a16="http://schemas.microsoft.com/office/drawing/2014/main" id="{22D691E8-4144-42CA-93D5-8578ECB44899}"/>
              </a:ext>
            </a:extLst>
          </p:cNvPr>
          <p:cNvPicPr>
            <a:picLocks noChangeAspect="1"/>
          </p:cNvPicPr>
          <p:nvPr/>
        </p:nvPicPr>
        <p:blipFill rotWithShape="1">
          <a:blip r:embed="rId4"/>
          <a:srcRect r="5961" b="1387"/>
          <a:stretch/>
        </p:blipFill>
        <p:spPr>
          <a:xfrm>
            <a:off x="1" y="1"/>
            <a:ext cx="2355742" cy="6509288"/>
          </a:xfrm>
          <a:prstGeom prst="rect">
            <a:avLst/>
          </a:prstGeom>
        </p:spPr>
      </p:pic>
      <p:sp>
        <p:nvSpPr>
          <p:cNvPr id="18" name="Rectangle 17">
            <a:extLst>
              <a:ext uri="{FF2B5EF4-FFF2-40B4-BE49-F238E27FC236}">
                <a16:creationId xmlns:a16="http://schemas.microsoft.com/office/drawing/2014/main" id="{0209342C-03CA-4910-BC85-DC63486550AC}"/>
              </a:ext>
            </a:extLst>
          </p:cNvPr>
          <p:cNvSpPr/>
          <p:nvPr/>
        </p:nvSpPr>
        <p:spPr>
          <a:xfrm>
            <a:off x="2794656" y="1161700"/>
            <a:ext cx="7712310" cy="1446550"/>
          </a:xfrm>
          <a:prstGeom prst="rect">
            <a:avLst/>
          </a:prstGeom>
          <a:noFill/>
        </p:spPr>
        <p:txBody>
          <a:bodyPr wrap="square" lIns="91440" tIns="45720" rIns="91440" bIns="45720">
            <a:spAutoFit/>
          </a:bodyPr>
          <a:lstStyle/>
          <a:p>
            <a:r>
              <a:rPr lang="en-US" sz="8800" b="1" cap="none" spc="0" dirty="0">
                <a:ln w="0"/>
                <a:solidFill>
                  <a:srgbClr val="70ADA3"/>
                </a:solidFill>
                <a:effectLst>
                  <a:outerShdw blurRad="38100" dist="25400" dir="5400000" algn="ctr" rotWithShape="0">
                    <a:srgbClr val="6E747A">
                      <a:alpha val="43000"/>
                    </a:srgbClr>
                  </a:outerShdw>
                </a:effectLst>
                <a:latin typeface="Roboto" panose="02000000000000000000" pitchFamily="2" charset="0"/>
                <a:ea typeface="Roboto" panose="02000000000000000000" pitchFamily="2" charset="0"/>
                <a:cs typeface="Roboto" panose="02000000000000000000" pitchFamily="2" charset="0"/>
              </a:rPr>
              <a:t>WELCOME</a:t>
            </a:r>
          </a:p>
        </p:txBody>
      </p:sp>
      <p:sp>
        <p:nvSpPr>
          <p:cNvPr id="19" name="TextBox 18">
            <a:extLst>
              <a:ext uri="{FF2B5EF4-FFF2-40B4-BE49-F238E27FC236}">
                <a16:creationId xmlns:a16="http://schemas.microsoft.com/office/drawing/2014/main" id="{3792B94A-133D-49BB-99D0-0A6AA3494E50}"/>
              </a:ext>
            </a:extLst>
          </p:cNvPr>
          <p:cNvSpPr txBox="1"/>
          <p:nvPr/>
        </p:nvSpPr>
        <p:spPr>
          <a:xfrm>
            <a:off x="2936885" y="2444110"/>
            <a:ext cx="7914296" cy="738664"/>
          </a:xfrm>
          <a:prstGeom prst="rect">
            <a:avLst/>
          </a:prstGeom>
          <a:noFill/>
        </p:spPr>
        <p:txBody>
          <a:bodyPr wrap="square" rtlCol="0">
            <a:spAutoFit/>
          </a:bodyPr>
          <a:lstStyle/>
          <a:p>
            <a:r>
              <a:rPr lang="en-GB" sz="1400" dirty="0">
                <a:latin typeface="Roboto Slab" pitchFamily="2" charset="0"/>
                <a:ea typeface="Roboto Slab" pitchFamily="2" charset="0"/>
                <a:cs typeface="Roboto Slab" pitchFamily="2" charset="0"/>
              </a:rPr>
              <a:t>This user guide outlines how various processes will be administered by the Code Manager, and highlights the key factors organisations need to comply with to adhere to the Metering Code of Practice.</a:t>
            </a:r>
          </a:p>
        </p:txBody>
      </p:sp>
      <p:sp>
        <p:nvSpPr>
          <p:cNvPr id="11" name="TextBox 10">
            <a:extLst>
              <a:ext uri="{FF2B5EF4-FFF2-40B4-BE49-F238E27FC236}">
                <a16:creationId xmlns:a16="http://schemas.microsoft.com/office/drawing/2014/main" id="{90EE23F4-83A7-443F-9E3F-230F34C6AE2F}"/>
              </a:ext>
            </a:extLst>
          </p:cNvPr>
          <p:cNvSpPr txBox="1"/>
          <p:nvPr/>
        </p:nvSpPr>
        <p:spPr>
          <a:xfrm>
            <a:off x="4108602" y="6183352"/>
            <a:ext cx="5266063" cy="369332"/>
          </a:xfrm>
          <a:prstGeom prst="rect">
            <a:avLst/>
          </a:prstGeom>
          <a:noFill/>
        </p:spPr>
        <p:txBody>
          <a:bodyPr wrap="square" rtlCol="0">
            <a:spAutoFit/>
          </a:bodyPr>
          <a:lstStyle/>
          <a:p>
            <a:r>
              <a:rPr lang="en-GB">
                <a:solidFill>
                  <a:schemeClr val="bg1"/>
                </a:solidFill>
              </a:rPr>
              <a:t>Animation holder</a:t>
            </a:r>
          </a:p>
        </p:txBody>
      </p:sp>
      <p:sp>
        <p:nvSpPr>
          <p:cNvPr id="12" name="TextBox 11">
            <a:extLst>
              <a:ext uri="{FF2B5EF4-FFF2-40B4-BE49-F238E27FC236}">
                <a16:creationId xmlns:a16="http://schemas.microsoft.com/office/drawing/2014/main" id="{D9F5B9B7-75BC-43F9-9023-62ADD16CBB27}"/>
              </a:ext>
            </a:extLst>
          </p:cNvPr>
          <p:cNvSpPr txBox="1"/>
          <p:nvPr/>
        </p:nvSpPr>
        <p:spPr>
          <a:xfrm>
            <a:off x="4261002" y="6335752"/>
            <a:ext cx="5266063" cy="369332"/>
          </a:xfrm>
          <a:prstGeom prst="rect">
            <a:avLst/>
          </a:prstGeom>
          <a:noFill/>
        </p:spPr>
        <p:txBody>
          <a:bodyPr wrap="square" rtlCol="0">
            <a:spAutoFit/>
          </a:bodyPr>
          <a:lstStyle/>
          <a:p>
            <a:r>
              <a:rPr lang="en-GB" dirty="0">
                <a:solidFill>
                  <a:schemeClr val="bg1"/>
                </a:solidFill>
              </a:rPr>
              <a:t>Animation holder</a:t>
            </a:r>
          </a:p>
        </p:txBody>
      </p:sp>
      <p:pic>
        <p:nvPicPr>
          <p:cNvPr id="23" name="Picture 22">
            <a:hlinkClick r:id="rId5"/>
            <a:extLst>
              <a:ext uri="{FF2B5EF4-FFF2-40B4-BE49-F238E27FC236}">
                <a16:creationId xmlns:a16="http://schemas.microsoft.com/office/drawing/2014/main" id="{07D957F3-AE6B-4CC6-AC7D-EF70218F1FBD}"/>
              </a:ext>
            </a:extLst>
          </p:cNvPr>
          <p:cNvPicPr>
            <a:picLocks noChangeAspect="1"/>
          </p:cNvPicPr>
          <p:nvPr/>
        </p:nvPicPr>
        <p:blipFill>
          <a:blip r:embed="rId6"/>
          <a:stretch>
            <a:fillRect/>
          </a:stretch>
        </p:blipFill>
        <p:spPr>
          <a:xfrm>
            <a:off x="4453970" y="323563"/>
            <a:ext cx="485775" cy="476250"/>
          </a:xfrm>
          <a:prstGeom prst="rect">
            <a:avLst/>
          </a:prstGeom>
        </p:spPr>
      </p:pic>
      <p:pic>
        <p:nvPicPr>
          <p:cNvPr id="24" name="Picture 23">
            <a:hlinkClick r:id="" action="ppaction://hlinkshowjump?jump=previousslide"/>
            <a:extLst>
              <a:ext uri="{FF2B5EF4-FFF2-40B4-BE49-F238E27FC236}">
                <a16:creationId xmlns:a16="http://schemas.microsoft.com/office/drawing/2014/main" id="{10419AE6-5EC3-4702-87F8-647751B3C554}"/>
              </a:ext>
            </a:extLst>
          </p:cNvPr>
          <p:cNvPicPr>
            <a:picLocks noChangeAspect="1"/>
          </p:cNvPicPr>
          <p:nvPr/>
        </p:nvPicPr>
        <p:blipFill>
          <a:blip r:embed="rId7"/>
          <a:stretch>
            <a:fillRect/>
          </a:stretch>
        </p:blipFill>
        <p:spPr>
          <a:xfrm>
            <a:off x="5041765" y="305316"/>
            <a:ext cx="676275" cy="533400"/>
          </a:xfrm>
          <a:prstGeom prst="rect">
            <a:avLst/>
          </a:prstGeom>
        </p:spPr>
      </p:pic>
      <p:pic>
        <p:nvPicPr>
          <p:cNvPr id="25" name="Picture 24">
            <a:hlinkClick r:id="" action="ppaction://hlinkshowjump?jump=nextslide"/>
            <a:extLst>
              <a:ext uri="{FF2B5EF4-FFF2-40B4-BE49-F238E27FC236}">
                <a16:creationId xmlns:a16="http://schemas.microsoft.com/office/drawing/2014/main" id="{01C923C1-DA12-426D-AC83-0AD39684DC6E}"/>
              </a:ext>
            </a:extLst>
          </p:cNvPr>
          <p:cNvPicPr>
            <a:picLocks noChangeAspect="1"/>
          </p:cNvPicPr>
          <p:nvPr/>
        </p:nvPicPr>
        <p:blipFill>
          <a:blip r:embed="rId8"/>
          <a:stretch>
            <a:fillRect/>
          </a:stretch>
        </p:blipFill>
        <p:spPr>
          <a:xfrm>
            <a:off x="11127525" y="305316"/>
            <a:ext cx="704850" cy="447675"/>
          </a:xfrm>
          <a:prstGeom prst="rect">
            <a:avLst/>
          </a:prstGeom>
        </p:spPr>
      </p:pic>
    </p:spTree>
    <p:extLst>
      <p:ext uri="{BB962C8B-B14F-4D97-AF65-F5344CB8AC3E}">
        <p14:creationId xmlns:p14="http://schemas.microsoft.com/office/powerpoint/2010/main" val="120540919"/>
      </p:ext>
    </p:extLst>
  </p:cSld>
  <p:clrMapOvr>
    <a:masterClrMapping/>
  </p:clrMapOvr>
  <mc:AlternateContent xmlns:mc="http://schemas.openxmlformats.org/markup-compatibility/2006" xmlns:p14="http://schemas.microsoft.com/office/powerpoint/2010/main">
    <mc:Choice Requires="p14">
      <p:transition spd="slow" p14:dur="2000" advClick="0" advTm="0"/>
    </mc:Choice>
    <mc:Fallback xmlns="">
      <p:transition spd="slow" advClick="0" advTm="0"/>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4228030-0411-4B6E-A9BE-316EA10F8349}"/>
              </a:ext>
            </a:extLst>
          </p:cNvPr>
          <p:cNvSpPr txBox="1"/>
          <p:nvPr/>
        </p:nvSpPr>
        <p:spPr>
          <a:xfrm>
            <a:off x="3075759" y="1551202"/>
            <a:ext cx="8852652" cy="1384995"/>
          </a:xfrm>
          <a:prstGeom prst="rect">
            <a:avLst/>
          </a:prstGeom>
        </p:spPr>
        <p:txBody>
          <a:bodyPr wrap="square" lIns="91440" tIns="45720" rIns="91440" bIns="45720" anchor="t">
            <a:spAutoFit/>
          </a:bodyPr>
          <a:lstStyle>
            <a:defPPr>
              <a:defRPr lang="en-US"/>
            </a:defPPr>
            <a:lvl1pPr>
              <a:lnSpc>
                <a:spcPct val="150000"/>
              </a:lnSpc>
              <a:defRPr sz="1200" b="1">
                <a:solidFill>
                  <a:srgbClr val="3C3C3B"/>
                </a:solidFill>
                <a:ea typeface="Arial" panose="020B0604020202020204" pitchFamily="34" charset="0"/>
                <a:cs typeface="Arial" panose="020B0604020202020204" pitchFamily="34" charset="0"/>
              </a:defRPr>
            </a:lvl1pPr>
          </a:lstStyle>
          <a:p>
            <a:pPr>
              <a:lnSpc>
                <a:spcPct val="100000"/>
              </a:lnSpc>
            </a:pPr>
            <a:r>
              <a:rPr lang="en-GB" sz="1400" b="0" dirty="0">
                <a:solidFill>
                  <a:schemeClr val="tx1"/>
                </a:solidFill>
              </a:rPr>
              <a:t>The Retail Energy Code (REC) is responsible for the Consolidated Metering Code of Practice (</a:t>
            </a:r>
            <a:r>
              <a:rPr lang="en-GB" sz="1400" b="0" dirty="0" err="1">
                <a:solidFill>
                  <a:schemeClr val="tx1"/>
                </a:solidFill>
              </a:rPr>
              <a:t>CoMCoP</a:t>
            </a:r>
            <a:r>
              <a:rPr lang="en-GB" sz="1400" b="0" dirty="0">
                <a:solidFill>
                  <a:schemeClr val="tx1"/>
                </a:solidFill>
              </a:rPr>
              <a:t>). </a:t>
            </a:r>
            <a:r>
              <a:rPr lang="en-GB" sz="1400" b="0" dirty="0">
                <a:solidFill>
                  <a:schemeClr val="tx1"/>
                </a:solidFill>
                <a:ea typeface="Roboto Slab regular" pitchFamily="2" charset="0"/>
              </a:rPr>
              <a:t>This user guide outlines how various processes will be administered by the Code Manager, and highlights the key</a:t>
            </a:r>
            <a:r>
              <a:rPr lang="en-GB" sz="1400" dirty="0">
                <a:solidFill>
                  <a:schemeClr val="tx1"/>
                </a:solidFill>
                <a:ea typeface="Roboto Slab regular" pitchFamily="2" charset="0"/>
              </a:rPr>
              <a:t> </a:t>
            </a:r>
            <a:r>
              <a:rPr lang="en-GB" sz="1400" b="0" dirty="0">
                <a:solidFill>
                  <a:schemeClr val="tx1"/>
                </a:solidFill>
                <a:ea typeface="Roboto Slab regular" pitchFamily="2" charset="0"/>
              </a:rPr>
              <a:t>factors organisations need to comply with to adhere to CoMCoP. </a:t>
            </a:r>
          </a:p>
          <a:p>
            <a:pPr>
              <a:lnSpc>
                <a:spcPct val="100000"/>
              </a:lnSpc>
            </a:pPr>
            <a:endParaRPr lang="en-GB" sz="1400" b="0" dirty="0">
              <a:solidFill>
                <a:schemeClr val="tx1"/>
              </a:solidFill>
              <a:ea typeface="Roboto Slab regular" pitchFamily="2" charset="0"/>
            </a:endParaRPr>
          </a:p>
          <a:p>
            <a:pPr>
              <a:lnSpc>
                <a:spcPct val="100000"/>
              </a:lnSpc>
            </a:pPr>
            <a:r>
              <a:rPr lang="en-GB" sz="1400" b="0" dirty="0">
                <a:solidFill>
                  <a:schemeClr val="tx1"/>
                </a:solidFill>
                <a:ea typeface="Roboto Slab regular" pitchFamily="2" charset="0"/>
              </a:rPr>
              <a:t>Click on the links below to navigate to the relevant sections. </a:t>
            </a:r>
            <a:endParaRPr lang="en-GB" dirty="0">
              <a:solidFill>
                <a:schemeClr val="tx1"/>
              </a:solidFill>
            </a:endParaRPr>
          </a:p>
          <a:p>
            <a:pPr>
              <a:lnSpc>
                <a:spcPct val="100000"/>
              </a:lnSpc>
            </a:pPr>
            <a:endParaRPr lang="en-GB" sz="1400" b="0" dirty="0">
              <a:solidFill>
                <a:schemeClr val="tx1"/>
              </a:solidFill>
              <a:latin typeface="Roboto Slab regular" pitchFamily="2" charset="0"/>
              <a:ea typeface="Roboto Slab regular" pitchFamily="2" charset="0"/>
            </a:endParaRPr>
          </a:p>
        </p:txBody>
      </p:sp>
      <p:sp>
        <p:nvSpPr>
          <p:cNvPr id="32" name="Rectangle 31">
            <a:extLst>
              <a:ext uri="{FF2B5EF4-FFF2-40B4-BE49-F238E27FC236}">
                <a16:creationId xmlns:a16="http://schemas.microsoft.com/office/drawing/2014/main" id="{E8B01797-38B4-4DC6-8D04-BB452C815FE7}"/>
              </a:ext>
            </a:extLst>
          </p:cNvPr>
          <p:cNvSpPr/>
          <p:nvPr/>
        </p:nvSpPr>
        <p:spPr>
          <a:xfrm>
            <a:off x="1127615" y="964239"/>
            <a:ext cx="6625349" cy="707886"/>
          </a:xfrm>
          <a:prstGeom prst="rect">
            <a:avLst/>
          </a:prstGeom>
          <a:noFill/>
        </p:spPr>
        <p:txBody>
          <a:bodyPr wrap="square" lIns="91440" tIns="45720" rIns="91440" bIns="45720">
            <a:spAutoFit/>
          </a:bodyPr>
          <a:lstStyle/>
          <a:p>
            <a:pPr algn="ctr"/>
            <a:r>
              <a:rPr lang="en-US" sz="4000" b="1" cap="none" spc="0" dirty="0">
                <a:ln w="0"/>
                <a:solidFill>
                  <a:srgbClr val="70ADA3"/>
                </a:solidFill>
                <a:effectLst>
                  <a:outerShdw blurRad="38100" dist="25400" dir="5400000" algn="ctr" rotWithShape="0">
                    <a:srgbClr val="6E747A">
                      <a:alpha val="43000"/>
                    </a:srgbClr>
                  </a:outerShdw>
                </a:effectLst>
                <a:latin typeface="+mj-lt"/>
                <a:cs typeface="Arial" panose="020B0604020202020204" pitchFamily="34" charset="0"/>
              </a:rPr>
              <a:t>CONTENTS</a:t>
            </a:r>
          </a:p>
        </p:txBody>
      </p:sp>
      <p:pic>
        <p:nvPicPr>
          <p:cNvPr id="33" name="Picture 32">
            <a:extLst>
              <a:ext uri="{FF2B5EF4-FFF2-40B4-BE49-F238E27FC236}">
                <a16:creationId xmlns:a16="http://schemas.microsoft.com/office/drawing/2014/main" id="{3D88547B-2521-4752-AE38-782CF7C0B0FF}"/>
              </a:ext>
            </a:extLst>
          </p:cNvPr>
          <p:cNvPicPr>
            <a:picLocks noChangeAspect="1"/>
          </p:cNvPicPr>
          <p:nvPr/>
        </p:nvPicPr>
        <p:blipFill rotWithShape="1">
          <a:blip r:embed="rId3"/>
          <a:srcRect r="5961" b="1387"/>
          <a:stretch/>
        </p:blipFill>
        <p:spPr>
          <a:xfrm>
            <a:off x="1" y="1"/>
            <a:ext cx="2355742" cy="6509288"/>
          </a:xfrm>
          <a:prstGeom prst="rect">
            <a:avLst/>
          </a:prstGeom>
        </p:spPr>
      </p:pic>
      <p:pic>
        <p:nvPicPr>
          <p:cNvPr id="65" name="Picture 64">
            <a:hlinkClick r:id="" action="ppaction://hlinkshowjump?jump=nextslide"/>
            <a:extLst>
              <a:ext uri="{FF2B5EF4-FFF2-40B4-BE49-F238E27FC236}">
                <a16:creationId xmlns:a16="http://schemas.microsoft.com/office/drawing/2014/main" id="{3E50C99F-9E7E-4958-9008-C0CB0640A66E}"/>
              </a:ext>
            </a:extLst>
          </p:cNvPr>
          <p:cNvPicPr>
            <a:picLocks noChangeAspect="1"/>
          </p:cNvPicPr>
          <p:nvPr/>
        </p:nvPicPr>
        <p:blipFill>
          <a:blip r:embed="rId4"/>
          <a:stretch>
            <a:fillRect/>
          </a:stretch>
        </p:blipFill>
        <p:spPr>
          <a:xfrm>
            <a:off x="11127525" y="305316"/>
            <a:ext cx="704850" cy="447675"/>
          </a:xfrm>
          <a:prstGeom prst="rect">
            <a:avLst/>
          </a:prstGeom>
        </p:spPr>
      </p:pic>
      <p:pic>
        <p:nvPicPr>
          <p:cNvPr id="66" name="Picture 65">
            <a:hlinkClick r:id="" action="ppaction://hlinkshowjump?jump=previousslide"/>
            <a:extLst>
              <a:ext uri="{FF2B5EF4-FFF2-40B4-BE49-F238E27FC236}">
                <a16:creationId xmlns:a16="http://schemas.microsoft.com/office/drawing/2014/main" id="{3ADFC893-C2A0-40F0-B084-7704FC403F83}"/>
              </a:ext>
            </a:extLst>
          </p:cNvPr>
          <p:cNvPicPr>
            <a:picLocks noChangeAspect="1"/>
          </p:cNvPicPr>
          <p:nvPr/>
        </p:nvPicPr>
        <p:blipFill>
          <a:blip r:embed="rId5"/>
          <a:stretch>
            <a:fillRect/>
          </a:stretch>
        </p:blipFill>
        <p:spPr>
          <a:xfrm>
            <a:off x="5041765" y="305316"/>
            <a:ext cx="676275" cy="533400"/>
          </a:xfrm>
          <a:prstGeom prst="rect">
            <a:avLst/>
          </a:prstGeom>
        </p:spPr>
      </p:pic>
      <p:pic>
        <p:nvPicPr>
          <p:cNvPr id="26" name="Picture 25">
            <a:hlinkClick r:id="rId6"/>
            <a:extLst>
              <a:ext uri="{FF2B5EF4-FFF2-40B4-BE49-F238E27FC236}">
                <a16:creationId xmlns:a16="http://schemas.microsoft.com/office/drawing/2014/main" id="{9D7D88E8-2AAE-417C-8CBC-CD4A5B1C3F01}"/>
              </a:ext>
            </a:extLst>
          </p:cNvPr>
          <p:cNvPicPr>
            <a:picLocks noChangeAspect="1"/>
          </p:cNvPicPr>
          <p:nvPr/>
        </p:nvPicPr>
        <p:blipFill>
          <a:blip r:embed="rId7"/>
          <a:stretch>
            <a:fillRect/>
          </a:stretch>
        </p:blipFill>
        <p:spPr>
          <a:xfrm>
            <a:off x="4453970" y="323563"/>
            <a:ext cx="485775" cy="476250"/>
          </a:xfrm>
          <a:prstGeom prst="rect">
            <a:avLst/>
          </a:prstGeom>
        </p:spPr>
      </p:pic>
      <p:graphicFrame>
        <p:nvGraphicFramePr>
          <p:cNvPr id="2" name="Diagram 1">
            <a:extLst>
              <a:ext uri="{FF2B5EF4-FFF2-40B4-BE49-F238E27FC236}">
                <a16:creationId xmlns:a16="http://schemas.microsoft.com/office/drawing/2014/main" id="{F7BD20A0-53F1-4A40-866B-F560AB9AAFEB}"/>
              </a:ext>
            </a:extLst>
          </p:cNvPr>
          <p:cNvGraphicFramePr/>
          <p:nvPr>
            <p:extLst>
              <p:ext uri="{D42A27DB-BD31-4B8C-83A1-F6EECF244321}">
                <p14:modId xmlns:p14="http://schemas.microsoft.com/office/powerpoint/2010/main" val="2819178614"/>
              </p:ext>
            </p:extLst>
          </p:nvPr>
        </p:nvGraphicFramePr>
        <p:xfrm>
          <a:off x="7704013" y="2636879"/>
          <a:ext cx="4487985" cy="4106821"/>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
        <p:nvSpPr>
          <p:cNvPr id="22" name="TextBox 21">
            <a:extLst>
              <a:ext uri="{FF2B5EF4-FFF2-40B4-BE49-F238E27FC236}">
                <a16:creationId xmlns:a16="http://schemas.microsoft.com/office/drawing/2014/main" id="{9BCFCB6E-9F61-4262-A380-FDEB85836CEA}"/>
              </a:ext>
            </a:extLst>
          </p:cNvPr>
          <p:cNvSpPr txBox="1"/>
          <p:nvPr/>
        </p:nvSpPr>
        <p:spPr>
          <a:xfrm>
            <a:off x="8468033" y="3180687"/>
            <a:ext cx="1193809" cy="461665"/>
          </a:xfrm>
          <a:prstGeom prst="rect">
            <a:avLst/>
          </a:prstGeom>
          <a:noFill/>
        </p:spPr>
        <p:txBody>
          <a:bodyPr wrap="square">
            <a:spAutoFit/>
          </a:bodyPr>
          <a:lstStyle/>
          <a:p>
            <a:pPr algn="ctr"/>
            <a:r>
              <a:rPr lang="en-GB" sz="800" dirty="0">
                <a:solidFill>
                  <a:schemeClr val="bg1"/>
                </a:solidFill>
                <a:latin typeface="+mj-lt"/>
              </a:rPr>
              <a:t>METERING </a:t>
            </a:r>
          </a:p>
          <a:p>
            <a:pPr algn="ctr"/>
            <a:r>
              <a:rPr lang="en-GB" sz="800" dirty="0">
                <a:solidFill>
                  <a:schemeClr val="bg1"/>
                </a:solidFill>
                <a:latin typeface="+mj-lt"/>
              </a:rPr>
              <a:t>CODE OF PRACTICES: OVERVIEW</a:t>
            </a:r>
          </a:p>
        </p:txBody>
      </p:sp>
      <p:sp>
        <p:nvSpPr>
          <p:cNvPr id="28" name="Oval 27">
            <a:hlinkClick r:id="rId13" action="ppaction://hlinksldjump"/>
            <a:extLst>
              <a:ext uri="{FF2B5EF4-FFF2-40B4-BE49-F238E27FC236}">
                <a16:creationId xmlns:a16="http://schemas.microsoft.com/office/drawing/2014/main" id="{272FB1CC-0E62-444D-A637-286FC801F67B}"/>
              </a:ext>
            </a:extLst>
          </p:cNvPr>
          <p:cNvSpPr/>
          <p:nvPr/>
        </p:nvSpPr>
        <p:spPr>
          <a:xfrm>
            <a:off x="8814067" y="3728462"/>
            <a:ext cx="514713" cy="431503"/>
          </a:xfrm>
          <a:prstGeom prst="ellipse">
            <a:avLst/>
          </a:prstGeom>
          <a:solidFill>
            <a:srgbClr val="E7AB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500" b="1" dirty="0">
                <a:latin typeface="Roboto (Headings)"/>
              </a:rPr>
              <a:t>MOREADRE</a:t>
            </a:r>
          </a:p>
          <a:p>
            <a:pPr algn="ctr"/>
            <a:r>
              <a:rPr lang="en-GB" sz="200" b="1" dirty="0">
                <a:latin typeface="Roboto (Headings)"/>
              </a:rPr>
              <a:t>CLICK HERE</a:t>
            </a:r>
          </a:p>
        </p:txBody>
      </p:sp>
      <p:sp>
        <p:nvSpPr>
          <p:cNvPr id="24" name="TextBox 23">
            <a:extLst>
              <a:ext uri="{FF2B5EF4-FFF2-40B4-BE49-F238E27FC236}">
                <a16:creationId xmlns:a16="http://schemas.microsoft.com/office/drawing/2014/main" id="{CB879A29-CE8F-417B-9476-E91147B76BB7}"/>
              </a:ext>
            </a:extLst>
          </p:cNvPr>
          <p:cNvSpPr txBox="1"/>
          <p:nvPr/>
        </p:nvSpPr>
        <p:spPr>
          <a:xfrm>
            <a:off x="9156473" y="3220705"/>
            <a:ext cx="2143068" cy="338554"/>
          </a:xfrm>
          <a:prstGeom prst="rect">
            <a:avLst/>
          </a:prstGeom>
          <a:noFill/>
        </p:spPr>
        <p:txBody>
          <a:bodyPr wrap="square">
            <a:spAutoFit/>
          </a:bodyPr>
          <a:lstStyle/>
          <a:p>
            <a:pPr algn="ctr"/>
            <a:r>
              <a:rPr lang="en-GB" sz="800" dirty="0">
                <a:solidFill>
                  <a:schemeClr val="bg1"/>
                </a:solidFill>
                <a:latin typeface="+mj-lt"/>
              </a:rPr>
              <a:t>WHAT IS A MEM </a:t>
            </a:r>
          </a:p>
          <a:p>
            <a:pPr algn="ctr"/>
            <a:r>
              <a:rPr lang="en-GB" sz="800" dirty="0">
                <a:solidFill>
                  <a:schemeClr val="bg1"/>
                </a:solidFill>
                <a:latin typeface="+mj-lt"/>
              </a:rPr>
              <a:t>A MI?</a:t>
            </a:r>
          </a:p>
        </p:txBody>
      </p:sp>
      <p:sp>
        <p:nvSpPr>
          <p:cNvPr id="30" name="Oval 29">
            <a:hlinkClick r:id="rId14" action="ppaction://hlinksldjump"/>
            <a:extLst>
              <a:ext uri="{FF2B5EF4-FFF2-40B4-BE49-F238E27FC236}">
                <a16:creationId xmlns:a16="http://schemas.microsoft.com/office/drawing/2014/main" id="{A5C778C0-2758-4F48-A5CB-0FE52D611BEF}"/>
              </a:ext>
            </a:extLst>
          </p:cNvPr>
          <p:cNvSpPr/>
          <p:nvPr/>
        </p:nvSpPr>
        <p:spPr>
          <a:xfrm>
            <a:off x="9925429" y="3639349"/>
            <a:ext cx="547183" cy="449969"/>
          </a:xfrm>
          <a:prstGeom prst="ellipse">
            <a:avLst/>
          </a:prstGeom>
          <a:solidFill>
            <a:srgbClr val="E7AB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500" b="1" dirty="0">
                <a:latin typeface="Roboto (Headings)"/>
              </a:rPr>
              <a:t>READ MORE</a:t>
            </a:r>
          </a:p>
          <a:p>
            <a:pPr algn="ctr"/>
            <a:r>
              <a:rPr lang="en-GB" sz="200" b="1" dirty="0">
                <a:latin typeface="Roboto (Headings)"/>
              </a:rPr>
              <a:t>CLICK HERE</a:t>
            </a:r>
          </a:p>
        </p:txBody>
      </p:sp>
      <p:sp>
        <p:nvSpPr>
          <p:cNvPr id="39" name="TextBox 38">
            <a:extLst>
              <a:ext uri="{FF2B5EF4-FFF2-40B4-BE49-F238E27FC236}">
                <a16:creationId xmlns:a16="http://schemas.microsoft.com/office/drawing/2014/main" id="{06B1D112-61BB-46D1-BBB6-C436D8F86A5D}"/>
              </a:ext>
            </a:extLst>
          </p:cNvPr>
          <p:cNvSpPr txBox="1"/>
          <p:nvPr/>
        </p:nvSpPr>
        <p:spPr>
          <a:xfrm>
            <a:off x="8848657" y="4235253"/>
            <a:ext cx="1551279" cy="338554"/>
          </a:xfrm>
          <a:prstGeom prst="rect">
            <a:avLst/>
          </a:prstGeom>
          <a:noFill/>
        </p:spPr>
        <p:txBody>
          <a:bodyPr wrap="square">
            <a:spAutoFit/>
          </a:bodyPr>
          <a:lstStyle/>
          <a:p>
            <a:pPr algn="ctr"/>
            <a:r>
              <a:rPr lang="en-GB" sz="800" dirty="0">
                <a:solidFill>
                  <a:schemeClr val="bg1"/>
                </a:solidFill>
              </a:rPr>
              <a:t>BECOMING </a:t>
            </a:r>
          </a:p>
          <a:p>
            <a:pPr algn="ctr"/>
            <a:r>
              <a:rPr lang="en-GB" sz="800" dirty="0">
                <a:solidFill>
                  <a:schemeClr val="bg1"/>
                </a:solidFill>
              </a:rPr>
              <a:t>ACCREDITED</a:t>
            </a:r>
          </a:p>
        </p:txBody>
      </p:sp>
      <p:sp>
        <p:nvSpPr>
          <p:cNvPr id="34" name="Oval 33">
            <a:hlinkClick r:id="rId15" action="ppaction://hlinksldjump"/>
            <a:extLst>
              <a:ext uri="{FF2B5EF4-FFF2-40B4-BE49-F238E27FC236}">
                <a16:creationId xmlns:a16="http://schemas.microsoft.com/office/drawing/2014/main" id="{0183F427-A0B3-4FB3-BC2E-961AE7DBFC14}"/>
              </a:ext>
            </a:extLst>
          </p:cNvPr>
          <p:cNvSpPr/>
          <p:nvPr/>
        </p:nvSpPr>
        <p:spPr>
          <a:xfrm>
            <a:off x="9378246" y="4674750"/>
            <a:ext cx="547183" cy="449969"/>
          </a:xfrm>
          <a:prstGeom prst="ellipse">
            <a:avLst/>
          </a:prstGeom>
          <a:solidFill>
            <a:srgbClr val="E7AB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500" b="1" dirty="0">
                <a:latin typeface="Roboto (Headings)"/>
              </a:rPr>
              <a:t>READ MORE</a:t>
            </a:r>
          </a:p>
          <a:p>
            <a:pPr algn="ctr"/>
            <a:r>
              <a:rPr lang="en-GB" sz="200" b="1" dirty="0">
                <a:latin typeface="Roboto (Headings)"/>
              </a:rPr>
              <a:t>CLICK HERE</a:t>
            </a:r>
          </a:p>
        </p:txBody>
      </p:sp>
      <p:sp>
        <p:nvSpPr>
          <p:cNvPr id="44" name="Oval 43">
            <a:hlinkClick r:id="rId16" action="ppaction://hlinksldjump"/>
            <a:extLst>
              <a:ext uri="{FF2B5EF4-FFF2-40B4-BE49-F238E27FC236}">
                <a16:creationId xmlns:a16="http://schemas.microsoft.com/office/drawing/2014/main" id="{9C5BCEDF-4114-4753-92ED-B3210BCFA0FE}"/>
              </a:ext>
            </a:extLst>
          </p:cNvPr>
          <p:cNvSpPr/>
          <p:nvPr/>
        </p:nvSpPr>
        <p:spPr>
          <a:xfrm>
            <a:off x="10521769" y="4656793"/>
            <a:ext cx="547183" cy="449969"/>
          </a:xfrm>
          <a:prstGeom prst="ellipse">
            <a:avLst/>
          </a:prstGeom>
          <a:solidFill>
            <a:srgbClr val="E7AB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500" b="1" dirty="0">
                <a:latin typeface="Roboto (Headings)"/>
              </a:rPr>
              <a:t>READ MORE</a:t>
            </a:r>
          </a:p>
          <a:p>
            <a:pPr algn="ctr"/>
            <a:r>
              <a:rPr lang="en-GB" sz="200" b="1" dirty="0">
                <a:latin typeface="Roboto (Headings)"/>
              </a:rPr>
              <a:t>CLICK HERE</a:t>
            </a:r>
          </a:p>
        </p:txBody>
      </p:sp>
      <p:sp>
        <p:nvSpPr>
          <p:cNvPr id="41" name="TextBox 40">
            <a:extLst>
              <a:ext uri="{FF2B5EF4-FFF2-40B4-BE49-F238E27FC236}">
                <a16:creationId xmlns:a16="http://schemas.microsoft.com/office/drawing/2014/main" id="{D28C5EAA-8978-4FA2-BB6E-8CFEC72F3C52}"/>
              </a:ext>
            </a:extLst>
          </p:cNvPr>
          <p:cNvSpPr txBox="1"/>
          <p:nvPr/>
        </p:nvSpPr>
        <p:spPr>
          <a:xfrm>
            <a:off x="10521769" y="4317522"/>
            <a:ext cx="1203314" cy="215444"/>
          </a:xfrm>
          <a:prstGeom prst="rect">
            <a:avLst/>
          </a:prstGeom>
          <a:noFill/>
        </p:spPr>
        <p:txBody>
          <a:bodyPr wrap="square">
            <a:spAutoFit/>
          </a:bodyPr>
          <a:lstStyle/>
          <a:p>
            <a:r>
              <a:rPr lang="en-GB" sz="800" dirty="0">
                <a:solidFill>
                  <a:schemeClr val="bg1"/>
                </a:solidFill>
              </a:rPr>
              <a:t>AUDITS</a:t>
            </a:r>
          </a:p>
        </p:txBody>
      </p:sp>
      <p:sp>
        <p:nvSpPr>
          <p:cNvPr id="42" name="TextBox 41">
            <a:extLst>
              <a:ext uri="{FF2B5EF4-FFF2-40B4-BE49-F238E27FC236}">
                <a16:creationId xmlns:a16="http://schemas.microsoft.com/office/drawing/2014/main" id="{4C5A36C0-1E33-43D9-9813-9FA785DDC1A4}"/>
              </a:ext>
            </a:extLst>
          </p:cNvPr>
          <p:cNvSpPr txBox="1"/>
          <p:nvPr/>
        </p:nvSpPr>
        <p:spPr>
          <a:xfrm>
            <a:off x="8062559" y="5278404"/>
            <a:ext cx="1973717" cy="461665"/>
          </a:xfrm>
          <a:prstGeom prst="rect">
            <a:avLst/>
          </a:prstGeom>
          <a:noFill/>
        </p:spPr>
        <p:txBody>
          <a:bodyPr wrap="square">
            <a:spAutoFit/>
          </a:bodyPr>
          <a:lstStyle/>
          <a:p>
            <a:pPr algn="ctr"/>
            <a:r>
              <a:rPr lang="en-GB" sz="800" dirty="0">
                <a:solidFill>
                  <a:schemeClr val="bg1"/>
                </a:solidFill>
                <a:latin typeface="+mj-lt"/>
              </a:rPr>
              <a:t>SUSPENSION </a:t>
            </a:r>
          </a:p>
          <a:p>
            <a:pPr algn="ctr"/>
            <a:r>
              <a:rPr lang="en-GB" sz="800" dirty="0">
                <a:solidFill>
                  <a:schemeClr val="bg1"/>
                </a:solidFill>
                <a:latin typeface="+mj-lt"/>
              </a:rPr>
              <a:t>AND</a:t>
            </a:r>
          </a:p>
          <a:p>
            <a:pPr algn="ctr"/>
            <a:r>
              <a:rPr lang="en-GB" sz="800" dirty="0">
                <a:solidFill>
                  <a:schemeClr val="bg1"/>
                </a:solidFill>
                <a:latin typeface="+mj-lt"/>
              </a:rPr>
              <a:t>WITHDRAWALS</a:t>
            </a:r>
          </a:p>
        </p:txBody>
      </p:sp>
      <p:sp>
        <p:nvSpPr>
          <p:cNvPr id="36" name="Oval 35">
            <a:hlinkClick r:id="rId17" action="ppaction://hlinksldjump"/>
            <a:extLst>
              <a:ext uri="{FF2B5EF4-FFF2-40B4-BE49-F238E27FC236}">
                <a16:creationId xmlns:a16="http://schemas.microsoft.com/office/drawing/2014/main" id="{114E15CE-7F62-481D-AC83-DE1E585693CC}"/>
              </a:ext>
            </a:extLst>
          </p:cNvPr>
          <p:cNvSpPr/>
          <p:nvPr/>
        </p:nvSpPr>
        <p:spPr>
          <a:xfrm>
            <a:off x="8775825" y="5740069"/>
            <a:ext cx="547183" cy="449969"/>
          </a:xfrm>
          <a:prstGeom prst="ellipse">
            <a:avLst/>
          </a:prstGeom>
          <a:solidFill>
            <a:srgbClr val="E7AB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500" b="1" dirty="0">
                <a:latin typeface="Roboto (Headings)"/>
              </a:rPr>
              <a:t>READ MORE</a:t>
            </a:r>
          </a:p>
          <a:p>
            <a:pPr algn="ctr"/>
            <a:r>
              <a:rPr lang="en-GB" sz="200" b="1" dirty="0">
                <a:latin typeface="Roboto (Headings)"/>
              </a:rPr>
              <a:t>CLICK HERE</a:t>
            </a:r>
          </a:p>
        </p:txBody>
      </p:sp>
      <p:sp>
        <p:nvSpPr>
          <p:cNvPr id="43" name="TextBox 42">
            <a:extLst>
              <a:ext uri="{FF2B5EF4-FFF2-40B4-BE49-F238E27FC236}">
                <a16:creationId xmlns:a16="http://schemas.microsoft.com/office/drawing/2014/main" id="{DD5D692F-EDF7-4229-B13B-5BB0546E203B}"/>
              </a:ext>
            </a:extLst>
          </p:cNvPr>
          <p:cNvSpPr txBox="1"/>
          <p:nvPr/>
        </p:nvSpPr>
        <p:spPr>
          <a:xfrm>
            <a:off x="9424558" y="5294853"/>
            <a:ext cx="1606899" cy="461665"/>
          </a:xfrm>
          <a:prstGeom prst="rect">
            <a:avLst/>
          </a:prstGeom>
          <a:noFill/>
        </p:spPr>
        <p:txBody>
          <a:bodyPr wrap="square">
            <a:spAutoFit/>
          </a:bodyPr>
          <a:lstStyle/>
          <a:p>
            <a:pPr algn="ctr"/>
            <a:r>
              <a:rPr lang="en-GB" sz="800" dirty="0">
                <a:solidFill>
                  <a:schemeClr val="bg1"/>
                </a:solidFill>
              </a:rPr>
              <a:t>SUBMITTING</a:t>
            </a:r>
          </a:p>
          <a:p>
            <a:pPr algn="ctr"/>
            <a:r>
              <a:rPr lang="en-GB" sz="800" dirty="0">
                <a:solidFill>
                  <a:schemeClr val="bg1"/>
                </a:solidFill>
              </a:rPr>
              <a:t>CUSTOMER</a:t>
            </a:r>
          </a:p>
          <a:p>
            <a:pPr algn="ctr"/>
            <a:r>
              <a:rPr lang="en-GB" sz="800" dirty="0">
                <a:solidFill>
                  <a:schemeClr val="bg1"/>
                </a:solidFill>
              </a:rPr>
              <a:t>SURVEYS</a:t>
            </a:r>
          </a:p>
        </p:txBody>
      </p:sp>
      <p:sp>
        <p:nvSpPr>
          <p:cNvPr id="46" name="Oval 45">
            <a:hlinkClick r:id="rId18" action="ppaction://hlinksldjump"/>
            <a:extLst>
              <a:ext uri="{FF2B5EF4-FFF2-40B4-BE49-F238E27FC236}">
                <a16:creationId xmlns:a16="http://schemas.microsoft.com/office/drawing/2014/main" id="{0F2802B1-CCBF-4272-9117-37644C3ED29D}"/>
              </a:ext>
            </a:extLst>
          </p:cNvPr>
          <p:cNvSpPr/>
          <p:nvPr/>
        </p:nvSpPr>
        <p:spPr>
          <a:xfrm>
            <a:off x="9969641" y="5743244"/>
            <a:ext cx="547183" cy="449969"/>
          </a:xfrm>
          <a:prstGeom prst="ellipse">
            <a:avLst/>
          </a:prstGeom>
          <a:solidFill>
            <a:srgbClr val="E7AB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500" b="1">
                <a:latin typeface="Roboto (Headings)"/>
              </a:rPr>
              <a:t>READ MORE</a:t>
            </a:r>
          </a:p>
          <a:p>
            <a:pPr algn="ctr"/>
            <a:r>
              <a:rPr lang="en-GB" sz="200" b="1">
                <a:latin typeface="Roboto (Headings)"/>
              </a:rPr>
              <a:t>CLICK HERE</a:t>
            </a:r>
          </a:p>
        </p:txBody>
      </p:sp>
      <p:pic>
        <p:nvPicPr>
          <p:cNvPr id="16" name="Picture 15" descr="Mixed raced employees">
            <a:extLst>
              <a:ext uri="{FF2B5EF4-FFF2-40B4-BE49-F238E27FC236}">
                <a16:creationId xmlns:a16="http://schemas.microsoft.com/office/drawing/2014/main" id="{82269B01-D97A-4E99-864F-472ED7A351C0}"/>
              </a:ext>
            </a:extLst>
          </p:cNvPr>
          <p:cNvPicPr>
            <a:picLocks noChangeAspect="1"/>
          </p:cNvPicPr>
          <p:nvPr/>
        </p:nvPicPr>
        <p:blipFill rotWithShape="1">
          <a:blip r:embed="rId19">
            <a:extLst>
              <a:ext uri="{28A0092B-C50C-407E-A947-70E740481C1C}">
                <a14:useLocalDpi xmlns:a14="http://schemas.microsoft.com/office/drawing/2010/main" val="0"/>
              </a:ext>
            </a:extLst>
          </a:blip>
          <a:srcRect t="3084" b="5407"/>
          <a:stretch/>
        </p:blipFill>
        <p:spPr>
          <a:xfrm>
            <a:off x="3179582" y="3357155"/>
            <a:ext cx="4884544" cy="2979850"/>
          </a:xfrm>
          <a:prstGeom prst="rect">
            <a:avLst/>
          </a:prstGeom>
        </p:spPr>
      </p:pic>
    </p:spTree>
    <p:extLst>
      <p:ext uri="{BB962C8B-B14F-4D97-AF65-F5344CB8AC3E}">
        <p14:creationId xmlns:p14="http://schemas.microsoft.com/office/powerpoint/2010/main" val="2621808001"/>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9" name="Group 68">
            <a:extLst>
              <a:ext uri="{FF2B5EF4-FFF2-40B4-BE49-F238E27FC236}">
                <a16:creationId xmlns:a16="http://schemas.microsoft.com/office/drawing/2014/main" id="{9D3633C1-8EC2-B488-F1CA-89E73FEAD524}"/>
              </a:ext>
            </a:extLst>
          </p:cNvPr>
          <p:cNvGrpSpPr/>
          <p:nvPr/>
        </p:nvGrpSpPr>
        <p:grpSpPr>
          <a:xfrm>
            <a:off x="3687749" y="2152976"/>
            <a:ext cx="6358374" cy="4215569"/>
            <a:chOff x="3706042" y="5668986"/>
            <a:chExt cx="6358374" cy="4215569"/>
          </a:xfrm>
        </p:grpSpPr>
        <p:graphicFrame>
          <p:nvGraphicFramePr>
            <p:cNvPr id="58" name="Diagram 57">
              <a:extLst>
                <a:ext uri="{FF2B5EF4-FFF2-40B4-BE49-F238E27FC236}">
                  <a16:creationId xmlns:a16="http://schemas.microsoft.com/office/drawing/2014/main" id="{7D86A337-FB42-1F8F-32FE-31EF8BC95884}"/>
                </a:ext>
              </a:extLst>
            </p:cNvPr>
            <p:cNvGraphicFramePr/>
            <p:nvPr>
              <p:extLst>
                <p:ext uri="{D42A27DB-BD31-4B8C-83A1-F6EECF244321}">
                  <p14:modId xmlns:p14="http://schemas.microsoft.com/office/powerpoint/2010/main" val="874843561"/>
                </p:ext>
              </p:extLst>
            </p:nvPr>
          </p:nvGraphicFramePr>
          <p:xfrm>
            <a:off x="3706042" y="5668986"/>
            <a:ext cx="6358374" cy="4215569"/>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pic>
          <p:nvPicPr>
            <p:cNvPr id="59" name="Picture 58">
              <a:extLst>
                <a:ext uri="{FF2B5EF4-FFF2-40B4-BE49-F238E27FC236}">
                  <a16:creationId xmlns:a16="http://schemas.microsoft.com/office/drawing/2014/main" id="{ADDA77FF-E2FA-5B99-89FD-3D14F9F2EDCD}"/>
                </a:ext>
              </a:extLst>
            </p:cNvPr>
            <p:cNvPicPr>
              <a:picLocks noChangeAspect="1"/>
            </p:cNvPicPr>
            <p:nvPr/>
          </p:nvPicPr>
          <p:blipFill rotWithShape="1">
            <a:blip r:embed="rId9"/>
            <a:srcRect t="8821" r="75599"/>
            <a:stretch/>
          </p:blipFill>
          <p:spPr>
            <a:xfrm>
              <a:off x="5840065" y="6216294"/>
              <a:ext cx="975835" cy="975332"/>
            </a:xfrm>
            <a:prstGeom prst="rect">
              <a:avLst/>
            </a:prstGeom>
            <a:ln>
              <a:solidFill>
                <a:schemeClr val="bg1"/>
              </a:solidFill>
            </a:ln>
          </p:spPr>
        </p:pic>
        <p:pic>
          <p:nvPicPr>
            <p:cNvPr id="60" name="Picture 59">
              <a:extLst>
                <a:ext uri="{FF2B5EF4-FFF2-40B4-BE49-F238E27FC236}">
                  <a16:creationId xmlns:a16="http://schemas.microsoft.com/office/drawing/2014/main" id="{DEF1CED7-BBA3-3932-ECE6-452DE99CF92D}"/>
                </a:ext>
              </a:extLst>
            </p:cNvPr>
            <p:cNvPicPr>
              <a:picLocks noChangeAspect="1"/>
            </p:cNvPicPr>
            <p:nvPr/>
          </p:nvPicPr>
          <p:blipFill rotWithShape="1">
            <a:blip r:embed="rId9"/>
            <a:srcRect l="24448" t="8821" r="50345"/>
            <a:stretch/>
          </p:blipFill>
          <p:spPr>
            <a:xfrm>
              <a:off x="6963772" y="6221109"/>
              <a:ext cx="1008093" cy="975332"/>
            </a:xfrm>
            <a:prstGeom prst="rect">
              <a:avLst/>
            </a:prstGeom>
            <a:ln>
              <a:solidFill>
                <a:schemeClr val="bg1"/>
              </a:solidFill>
            </a:ln>
          </p:spPr>
        </p:pic>
      </p:grpSp>
      <p:pic>
        <p:nvPicPr>
          <p:cNvPr id="65" name="Picture 64">
            <a:extLst>
              <a:ext uri="{FF2B5EF4-FFF2-40B4-BE49-F238E27FC236}">
                <a16:creationId xmlns:a16="http://schemas.microsoft.com/office/drawing/2014/main" id="{27EFFC1B-10E8-4C1F-A855-DEA977A24AD3}"/>
              </a:ext>
            </a:extLst>
          </p:cNvPr>
          <p:cNvPicPr>
            <a:picLocks noChangeAspect="1"/>
          </p:cNvPicPr>
          <p:nvPr/>
        </p:nvPicPr>
        <p:blipFill rotWithShape="1">
          <a:blip r:embed="rId10"/>
          <a:srcRect r="5961" b="1387"/>
          <a:stretch/>
        </p:blipFill>
        <p:spPr>
          <a:xfrm>
            <a:off x="1" y="1"/>
            <a:ext cx="2355742" cy="6509288"/>
          </a:xfrm>
          <a:prstGeom prst="rect">
            <a:avLst/>
          </a:prstGeom>
        </p:spPr>
      </p:pic>
      <p:sp>
        <p:nvSpPr>
          <p:cNvPr id="66" name="Title 1">
            <a:extLst>
              <a:ext uri="{FF2B5EF4-FFF2-40B4-BE49-F238E27FC236}">
                <a16:creationId xmlns:a16="http://schemas.microsoft.com/office/drawing/2014/main" id="{27D86C89-5175-4744-970A-5772B4B26823}"/>
              </a:ext>
            </a:extLst>
          </p:cNvPr>
          <p:cNvSpPr txBox="1">
            <a:spLocks/>
          </p:cNvSpPr>
          <p:nvPr/>
        </p:nvSpPr>
        <p:spPr>
          <a:xfrm>
            <a:off x="2444235" y="1106633"/>
            <a:ext cx="7554686" cy="67844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000" b="1" i="0" kern="1200" cap="all" spc="250" baseline="0">
                <a:solidFill>
                  <a:srgbClr val="68A495"/>
                </a:solidFill>
                <a:latin typeface="Roboto" panose="02000000000000000000" pitchFamily="2" charset="0"/>
                <a:ea typeface="+mj-ea"/>
                <a:cs typeface="+mj-cs"/>
              </a:defRPr>
            </a:lvl1pPr>
          </a:lstStyle>
          <a:p>
            <a:r>
              <a:rPr lang="en-GB" sz="2400" dirty="0">
                <a:solidFill>
                  <a:schemeClr val="accent2"/>
                </a:solidFill>
              </a:rPr>
              <a:t>Metering Code of Practices: Overview</a:t>
            </a:r>
            <a:br>
              <a:rPr lang="en-GB" sz="2400" dirty="0"/>
            </a:br>
            <a:endParaRPr lang="en-GB" sz="2400" dirty="0"/>
          </a:p>
        </p:txBody>
      </p:sp>
      <p:pic>
        <p:nvPicPr>
          <p:cNvPr id="67" name="Picture 66">
            <a:hlinkClick r:id="" action="ppaction://hlinkshowjump?jump=nextslide"/>
            <a:extLst>
              <a:ext uri="{FF2B5EF4-FFF2-40B4-BE49-F238E27FC236}">
                <a16:creationId xmlns:a16="http://schemas.microsoft.com/office/drawing/2014/main" id="{DAD5AB0B-4903-4A0D-BB29-BFE8D7658476}"/>
              </a:ext>
            </a:extLst>
          </p:cNvPr>
          <p:cNvPicPr>
            <a:picLocks noChangeAspect="1"/>
          </p:cNvPicPr>
          <p:nvPr/>
        </p:nvPicPr>
        <p:blipFill>
          <a:blip r:embed="rId11"/>
          <a:stretch>
            <a:fillRect/>
          </a:stretch>
        </p:blipFill>
        <p:spPr>
          <a:xfrm>
            <a:off x="11127525" y="305316"/>
            <a:ext cx="704850" cy="447675"/>
          </a:xfrm>
          <a:prstGeom prst="rect">
            <a:avLst/>
          </a:prstGeom>
        </p:spPr>
      </p:pic>
      <p:pic>
        <p:nvPicPr>
          <p:cNvPr id="68" name="Picture 67">
            <a:hlinkClick r:id="" action="ppaction://hlinkshowjump?jump=previousslide"/>
            <a:extLst>
              <a:ext uri="{FF2B5EF4-FFF2-40B4-BE49-F238E27FC236}">
                <a16:creationId xmlns:a16="http://schemas.microsoft.com/office/drawing/2014/main" id="{A833989B-A02F-456A-90CF-83F198E8BB70}"/>
              </a:ext>
            </a:extLst>
          </p:cNvPr>
          <p:cNvPicPr>
            <a:picLocks noChangeAspect="1"/>
          </p:cNvPicPr>
          <p:nvPr/>
        </p:nvPicPr>
        <p:blipFill>
          <a:blip r:embed="rId12"/>
          <a:stretch>
            <a:fillRect/>
          </a:stretch>
        </p:blipFill>
        <p:spPr>
          <a:xfrm>
            <a:off x="5041765" y="305316"/>
            <a:ext cx="676275" cy="533400"/>
          </a:xfrm>
          <a:prstGeom prst="rect">
            <a:avLst/>
          </a:prstGeom>
        </p:spPr>
      </p:pic>
      <p:pic>
        <p:nvPicPr>
          <p:cNvPr id="70" name="Picture 69">
            <a:hlinkClick r:id="rId13" action="ppaction://hlinksldjump"/>
            <a:extLst>
              <a:ext uri="{FF2B5EF4-FFF2-40B4-BE49-F238E27FC236}">
                <a16:creationId xmlns:a16="http://schemas.microsoft.com/office/drawing/2014/main" id="{BE3C8346-3769-4B2B-9DA1-97502039A31E}"/>
              </a:ext>
            </a:extLst>
          </p:cNvPr>
          <p:cNvPicPr>
            <a:picLocks noChangeAspect="1"/>
          </p:cNvPicPr>
          <p:nvPr/>
        </p:nvPicPr>
        <p:blipFill>
          <a:blip r:embed="rId14"/>
          <a:stretch>
            <a:fillRect/>
          </a:stretch>
        </p:blipFill>
        <p:spPr>
          <a:xfrm>
            <a:off x="3917185" y="322134"/>
            <a:ext cx="485775" cy="477679"/>
          </a:xfrm>
          <a:prstGeom prst="rect">
            <a:avLst/>
          </a:prstGeom>
        </p:spPr>
      </p:pic>
      <p:sp>
        <p:nvSpPr>
          <p:cNvPr id="13" name="TextBox 12">
            <a:extLst>
              <a:ext uri="{FF2B5EF4-FFF2-40B4-BE49-F238E27FC236}">
                <a16:creationId xmlns:a16="http://schemas.microsoft.com/office/drawing/2014/main" id="{13C87588-EA76-432F-BC97-2649012C8E10}"/>
              </a:ext>
            </a:extLst>
          </p:cNvPr>
          <p:cNvSpPr txBox="1"/>
          <p:nvPr/>
        </p:nvSpPr>
        <p:spPr>
          <a:xfrm>
            <a:off x="6327983" y="332360"/>
            <a:ext cx="4021247" cy="369332"/>
          </a:xfrm>
          <a:prstGeom prst="rect">
            <a:avLst/>
          </a:prstGeom>
          <a:noFill/>
        </p:spPr>
        <p:txBody>
          <a:bodyPr wrap="square" rtlCol="0">
            <a:spAutoFit/>
          </a:bodyPr>
          <a:lstStyle/>
          <a:p>
            <a:r>
              <a:rPr lang="en-GB">
                <a:solidFill>
                  <a:schemeClr val="bg1"/>
                </a:solidFill>
              </a:rPr>
              <a:t>Animation holder</a:t>
            </a:r>
          </a:p>
        </p:txBody>
      </p:sp>
      <p:sp>
        <p:nvSpPr>
          <p:cNvPr id="14" name="TextBox 13">
            <a:extLst>
              <a:ext uri="{FF2B5EF4-FFF2-40B4-BE49-F238E27FC236}">
                <a16:creationId xmlns:a16="http://schemas.microsoft.com/office/drawing/2014/main" id="{AFB918BC-522B-4052-81AE-F5203333E79C}"/>
              </a:ext>
            </a:extLst>
          </p:cNvPr>
          <p:cNvSpPr txBox="1"/>
          <p:nvPr/>
        </p:nvSpPr>
        <p:spPr>
          <a:xfrm>
            <a:off x="2444235" y="1573623"/>
            <a:ext cx="9229531" cy="461665"/>
          </a:xfrm>
          <a:prstGeom prst="rect">
            <a:avLst/>
          </a:prstGeom>
        </p:spPr>
        <p:txBody>
          <a:bodyPr wrap="square">
            <a:spAutoFit/>
          </a:bodyPr>
          <a:lstStyle>
            <a:defPPr>
              <a:defRPr lang="en-US"/>
            </a:defPPr>
            <a:lvl1pPr>
              <a:lnSpc>
                <a:spcPct val="150000"/>
              </a:lnSpc>
              <a:defRPr sz="1200" b="1">
                <a:solidFill>
                  <a:srgbClr val="3C3C3B"/>
                </a:solidFill>
                <a:ea typeface="Arial" panose="020B0604020202020204" pitchFamily="34" charset="0"/>
                <a:cs typeface="Arial" panose="020B0604020202020204" pitchFamily="34" charset="0"/>
              </a:defRPr>
            </a:lvl1pPr>
          </a:lstStyle>
          <a:p>
            <a:pPr>
              <a:lnSpc>
                <a:spcPct val="100000"/>
              </a:lnSpc>
            </a:pPr>
            <a:r>
              <a:rPr lang="en-US" b="0" dirty="0">
                <a:solidFill>
                  <a:schemeClr val="tx1"/>
                </a:solidFill>
                <a:latin typeface="Roboto Slab regular" pitchFamily="2" charset="0"/>
                <a:ea typeface="Roboto Slab regular" pitchFamily="2" charset="0"/>
              </a:rPr>
              <a:t>The REC Performance Assurance Board (PAB) is the key oversight body for CoMCoP. Audits are carried out by a recognized scheme auditor working alongside the REC Code Manager for obtaining and maintaining your accreditation. </a:t>
            </a:r>
          </a:p>
        </p:txBody>
      </p:sp>
      <p:pic>
        <p:nvPicPr>
          <p:cNvPr id="15" name="Picture 14">
            <a:hlinkClick r:id="rId15"/>
            <a:extLst>
              <a:ext uri="{FF2B5EF4-FFF2-40B4-BE49-F238E27FC236}">
                <a16:creationId xmlns:a16="http://schemas.microsoft.com/office/drawing/2014/main" id="{A0C146EF-420E-4A1B-AF12-9ED7C30FFD7A}"/>
              </a:ext>
            </a:extLst>
          </p:cNvPr>
          <p:cNvPicPr>
            <a:picLocks noChangeAspect="1"/>
          </p:cNvPicPr>
          <p:nvPr/>
        </p:nvPicPr>
        <p:blipFill>
          <a:blip r:embed="rId16"/>
          <a:stretch>
            <a:fillRect/>
          </a:stretch>
        </p:blipFill>
        <p:spPr>
          <a:xfrm>
            <a:off x="4453970" y="323563"/>
            <a:ext cx="485775" cy="476250"/>
          </a:xfrm>
          <a:prstGeom prst="rect">
            <a:avLst/>
          </a:prstGeom>
        </p:spPr>
      </p:pic>
      <p:sp>
        <p:nvSpPr>
          <p:cNvPr id="16" name="TextBox 15">
            <a:extLst>
              <a:ext uri="{FF2B5EF4-FFF2-40B4-BE49-F238E27FC236}">
                <a16:creationId xmlns:a16="http://schemas.microsoft.com/office/drawing/2014/main" id="{76E01913-D56E-42EC-9022-CC8BB09986CE}"/>
              </a:ext>
            </a:extLst>
          </p:cNvPr>
          <p:cNvSpPr txBox="1"/>
          <p:nvPr/>
        </p:nvSpPr>
        <p:spPr>
          <a:xfrm>
            <a:off x="6480383" y="484760"/>
            <a:ext cx="4021247" cy="369332"/>
          </a:xfrm>
          <a:prstGeom prst="rect">
            <a:avLst/>
          </a:prstGeom>
          <a:noFill/>
        </p:spPr>
        <p:txBody>
          <a:bodyPr wrap="square" rtlCol="0">
            <a:spAutoFit/>
          </a:bodyPr>
          <a:lstStyle/>
          <a:p>
            <a:r>
              <a:rPr lang="en-GB" dirty="0">
                <a:solidFill>
                  <a:schemeClr val="bg1"/>
                </a:solidFill>
              </a:rPr>
              <a:t>Animation holder</a:t>
            </a:r>
          </a:p>
        </p:txBody>
      </p:sp>
      <p:sp>
        <p:nvSpPr>
          <p:cNvPr id="26" name="TextBox 25">
            <a:extLst>
              <a:ext uri="{FF2B5EF4-FFF2-40B4-BE49-F238E27FC236}">
                <a16:creationId xmlns:a16="http://schemas.microsoft.com/office/drawing/2014/main" id="{B7193F7B-CEC6-4856-82AB-F59332011A88}"/>
              </a:ext>
            </a:extLst>
          </p:cNvPr>
          <p:cNvSpPr txBox="1"/>
          <p:nvPr/>
        </p:nvSpPr>
        <p:spPr>
          <a:xfrm>
            <a:off x="3879481" y="2579040"/>
            <a:ext cx="1794420" cy="1246495"/>
          </a:xfrm>
          <a:prstGeom prst="rect">
            <a:avLst/>
          </a:prstGeom>
          <a:noFill/>
        </p:spPr>
        <p:txBody>
          <a:bodyPr wrap="square">
            <a:spAutoFit/>
          </a:bodyPr>
          <a:lstStyle/>
          <a:p>
            <a:r>
              <a:rPr lang="en-GB" sz="1500" b="1" dirty="0"/>
              <a:t>Gas MEMs and MIs </a:t>
            </a:r>
            <a:r>
              <a:rPr lang="en-GB" sz="1500" dirty="0"/>
              <a:t>who would like to participate in the retail gas market.</a:t>
            </a:r>
          </a:p>
        </p:txBody>
      </p:sp>
      <p:sp>
        <p:nvSpPr>
          <p:cNvPr id="28" name="TextBox 27">
            <a:extLst>
              <a:ext uri="{FF2B5EF4-FFF2-40B4-BE49-F238E27FC236}">
                <a16:creationId xmlns:a16="http://schemas.microsoft.com/office/drawing/2014/main" id="{E03AD701-034C-47A5-9092-4289B319D2D5}"/>
              </a:ext>
            </a:extLst>
          </p:cNvPr>
          <p:cNvSpPr txBox="1"/>
          <p:nvPr/>
        </p:nvSpPr>
        <p:spPr>
          <a:xfrm>
            <a:off x="7828103" y="2579040"/>
            <a:ext cx="2006331" cy="1246495"/>
          </a:xfrm>
          <a:prstGeom prst="rect">
            <a:avLst/>
          </a:prstGeom>
          <a:noFill/>
        </p:spPr>
        <p:txBody>
          <a:bodyPr wrap="square">
            <a:spAutoFit/>
          </a:bodyPr>
          <a:lstStyle/>
          <a:p>
            <a:pPr algn="r"/>
            <a:r>
              <a:rPr lang="en-GB" sz="1500" b="1" dirty="0"/>
              <a:t>Electricity MEMs </a:t>
            </a:r>
            <a:r>
              <a:rPr lang="en-GB" sz="1500" dirty="0"/>
              <a:t>who would like to participate in the retail electricity market. </a:t>
            </a:r>
          </a:p>
        </p:txBody>
      </p:sp>
      <p:grpSp>
        <p:nvGrpSpPr>
          <p:cNvPr id="56" name="Group 55">
            <a:extLst>
              <a:ext uri="{FF2B5EF4-FFF2-40B4-BE49-F238E27FC236}">
                <a16:creationId xmlns:a16="http://schemas.microsoft.com/office/drawing/2014/main" id="{634E85DC-3C86-7BE1-84B6-CE6BD3978C24}"/>
              </a:ext>
            </a:extLst>
          </p:cNvPr>
          <p:cNvGrpSpPr/>
          <p:nvPr/>
        </p:nvGrpSpPr>
        <p:grpSpPr>
          <a:xfrm>
            <a:off x="3920369" y="4479635"/>
            <a:ext cx="1887650" cy="1708160"/>
            <a:chOff x="7345421" y="3774020"/>
            <a:chExt cx="1887650" cy="1708160"/>
          </a:xfrm>
        </p:grpSpPr>
        <p:sp>
          <p:nvSpPr>
            <p:cNvPr id="41" name="Rectangle 40">
              <a:extLst>
                <a:ext uri="{FF2B5EF4-FFF2-40B4-BE49-F238E27FC236}">
                  <a16:creationId xmlns:a16="http://schemas.microsoft.com/office/drawing/2014/main" id="{ECA2A25C-9FD7-4441-8C88-86B31121906F}"/>
                </a:ext>
              </a:extLst>
            </p:cNvPr>
            <p:cNvSpPr/>
            <p:nvPr/>
          </p:nvSpPr>
          <p:spPr>
            <a:xfrm>
              <a:off x="7345421" y="4400747"/>
              <a:ext cx="1831491" cy="56242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7" name="TextBox 46">
              <a:extLst>
                <a:ext uri="{FF2B5EF4-FFF2-40B4-BE49-F238E27FC236}">
                  <a16:creationId xmlns:a16="http://schemas.microsoft.com/office/drawing/2014/main" id="{FC9AA87D-7147-4BBD-9996-921157C20AB6}"/>
                </a:ext>
              </a:extLst>
            </p:cNvPr>
            <p:cNvSpPr txBox="1"/>
            <p:nvPr/>
          </p:nvSpPr>
          <p:spPr>
            <a:xfrm>
              <a:off x="7348560" y="3774020"/>
              <a:ext cx="1884511" cy="1708160"/>
            </a:xfrm>
            <a:prstGeom prst="rect">
              <a:avLst/>
            </a:prstGeom>
            <a:noFill/>
          </p:spPr>
          <p:txBody>
            <a:bodyPr wrap="square">
              <a:spAutoFit/>
            </a:bodyPr>
            <a:lstStyle/>
            <a:p>
              <a:r>
                <a:rPr lang="en-GB" sz="1500" dirty="0"/>
                <a:t>An optional accreditation within the gas market for </a:t>
              </a:r>
              <a:r>
                <a:rPr lang="en-GB" sz="1500" b="1" dirty="0"/>
                <a:t>Automated Meter Reading Service Providers</a:t>
              </a:r>
              <a:r>
                <a:rPr lang="en-GB" sz="1500" dirty="0"/>
                <a:t>.</a:t>
              </a:r>
              <a:endParaRPr lang="en-GB" sz="1500" b="1" dirty="0"/>
            </a:p>
          </p:txBody>
        </p:sp>
      </p:grpSp>
      <p:sp>
        <p:nvSpPr>
          <p:cNvPr id="48" name="TextBox 47">
            <a:extLst>
              <a:ext uri="{FF2B5EF4-FFF2-40B4-BE49-F238E27FC236}">
                <a16:creationId xmlns:a16="http://schemas.microsoft.com/office/drawing/2014/main" id="{1DCD793D-CC31-494A-9FE0-6871B1A6C260}"/>
              </a:ext>
            </a:extLst>
          </p:cNvPr>
          <p:cNvSpPr txBox="1"/>
          <p:nvPr/>
        </p:nvSpPr>
        <p:spPr>
          <a:xfrm>
            <a:off x="7955644" y="4349699"/>
            <a:ext cx="1878790" cy="1938992"/>
          </a:xfrm>
          <a:prstGeom prst="rect">
            <a:avLst/>
          </a:prstGeom>
          <a:noFill/>
        </p:spPr>
        <p:txBody>
          <a:bodyPr wrap="square">
            <a:spAutoFit/>
          </a:bodyPr>
          <a:lstStyle/>
          <a:p>
            <a:pPr algn="r"/>
            <a:r>
              <a:rPr lang="en-GB" sz="1500" b="1" dirty="0"/>
              <a:t>Smart Metering Installations </a:t>
            </a:r>
            <a:r>
              <a:rPr lang="en-GB" sz="1500" dirty="0"/>
              <a:t>conducted by gas and electricity suppliers of domestic and micro business consumers.</a:t>
            </a:r>
          </a:p>
        </p:txBody>
      </p:sp>
      <p:pic>
        <p:nvPicPr>
          <p:cNvPr id="2" name="Picture 4">
            <a:extLst>
              <a:ext uri="{FF2B5EF4-FFF2-40B4-BE49-F238E27FC236}">
                <a16:creationId xmlns:a16="http://schemas.microsoft.com/office/drawing/2014/main" id="{5A6B4115-2C6C-055D-843B-E64F10437481}"/>
              </a:ext>
            </a:extLst>
          </p:cNvPr>
          <p:cNvPicPr>
            <a:picLocks noChangeAspect="1" noChangeArrowheads="1"/>
          </p:cNvPicPr>
          <p:nvPr/>
        </p:nvPicPr>
        <p:blipFill rotWithShape="1">
          <a:blip r:embed="rId17">
            <a:extLst>
              <a:ext uri="{28A0092B-C50C-407E-A947-70E740481C1C}">
                <a14:useLocalDpi xmlns:a14="http://schemas.microsoft.com/office/drawing/2010/main" val="0"/>
              </a:ext>
            </a:extLst>
          </a:blip>
          <a:srcRect t="5268" b="47532"/>
          <a:stretch/>
        </p:blipFill>
        <p:spPr bwMode="auto">
          <a:xfrm>
            <a:off x="5800716" y="4847514"/>
            <a:ext cx="1008093" cy="974158"/>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6">
            <a:extLst>
              <a:ext uri="{FF2B5EF4-FFF2-40B4-BE49-F238E27FC236}">
                <a16:creationId xmlns:a16="http://schemas.microsoft.com/office/drawing/2014/main" id="{BE2C70B7-4FFE-E7B9-DFA6-5A8242C32ED4}"/>
              </a:ext>
            </a:extLst>
          </p:cNvPr>
          <p:cNvPicPr>
            <a:picLocks noChangeAspect="1" noChangeArrowheads="1"/>
          </p:cNvPicPr>
          <p:nvPr/>
        </p:nvPicPr>
        <p:blipFill rotWithShape="1">
          <a:blip r:embed="rId18">
            <a:extLst>
              <a:ext uri="{28A0092B-C50C-407E-A947-70E740481C1C}">
                <a14:useLocalDpi xmlns:a14="http://schemas.microsoft.com/office/drawing/2010/main" val="0"/>
              </a:ext>
            </a:extLst>
          </a:blip>
          <a:srcRect l="4149" t="5418" r="11157" b="45898"/>
          <a:stretch/>
        </p:blipFill>
        <p:spPr bwMode="auto">
          <a:xfrm>
            <a:off x="6945479" y="4838122"/>
            <a:ext cx="1008093" cy="1019538"/>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1764111681"/>
      </p:ext>
    </p:extLst>
  </p:cSld>
  <p:clrMapOvr>
    <a:masterClrMapping/>
  </p:clrMapOvr>
  <mc:AlternateContent xmlns:mc="http://schemas.openxmlformats.org/markup-compatibility/2006" xmlns:p14="http://schemas.microsoft.com/office/powerpoint/2010/main">
    <mc:Choice Requires="p14">
      <p:transition p14:dur="10" advClick="0" advTm="9000"/>
    </mc:Choice>
    <mc:Fallback xmlns="">
      <p:transition advClick="0" advTm="9000"/>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B33B08F2-E57F-4B0F-9508-7029B88CF4F1}"/>
              </a:ext>
            </a:extLst>
          </p:cNvPr>
          <p:cNvSpPr/>
          <p:nvPr/>
        </p:nvSpPr>
        <p:spPr>
          <a:xfrm rot="5400000">
            <a:off x="3847332" y="3415475"/>
            <a:ext cx="1891381" cy="4410804"/>
          </a:xfrm>
          <a:prstGeom prst="rect">
            <a:avLst/>
          </a:prstGeom>
          <a:noFill/>
          <a:ln w="25400" cap="flat" cmpd="sng" algn="ctr">
            <a:solidFill>
              <a:schemeClr val="accent1"/>
            </a:solidFill>
            <a:prstDash val="dash"/>
          </a:ln>
          <a:effectLst/>
        </p:spPr>
        <p:txBody>
          <a:bodyPr vert="vert270" tIns="391903" rIns="32659" rtlCol="0" anchor="t"/>
          <a:lstStyle/>
          <a:p>
            <a:pPr marL="0" marR="0" lvl="0" indent="0" algn="ctr" defTabSz="829544" eaLnBrk="1" fontAlgn="auto" latinLnBrk="0" hangingPunct="1">
              <a:lnSpc>
                <a:spcPct val="100000"/>
              </a:lnSpc>
              <a:spcBef>
                <a:spcPts val="0"/>
              </a:spcBef>
              <a:spcAft>
                <a:spcPts val="0"/>
              </a:spcAft>
              <a:buClrTx/>
              <a:buSzTx/>
              <a:buFontTx/>
              <a:buNone/>
              <a:tabLst/>
              <a:defRPr/>
            </a:pPr>
            <a:endParaRPr kumimoji="0" lang="en-GB" sz="1000" b="0" i="0" u="none" strike="noStrike" kern="0" cap="none" spc="0" normalizeH="0" baseline="0" noProof="0">
              <a:ln>
                <a:noFill/>
              </a:ln>
              <a:solidFill>
                <a:prstClr val="black"/>
              </a:solidFill>
              <a:effectLst/>
              <a:uLnTx/>
              <a:uFillTx/>
              <a:latin typeface="Roboto" panose="02000000000000000000"/>
            </a:endParaRPr>
          </a:p>
        </p:txBody>
      </p:sp>
      <p:sp>
        <p:nvSpPr>
          <p:cNvPr id="13" name="Rectangle 12">
            <a:extLst>
              <a:ext uri="{FF2B5EF4-FFF2-40B4-BE49-F238E27FC236}">
                <a16:creationId xmlns:a16="http://schemas.microsoft.com/office/drawing/2014/main" id="{FC23CF12-7A66-41D6-AB30-A97D14B07E33}"/>
              </a:ext>
            </a:extLst>
          </p:cNvPr>
          <p:cNvSpPr/>
          <p:nvPr/>
        </p:nvSpPr>
        <p:spPr>
          <a:xfrm>
            <a:off x="2705228" y="4846410"/>
            <a:ext cx="4142669" cy="286602"/>
          </a:xfrm>
          <a:prstGeom prst="rect">
            <a:avLst/>
          </a:prstGeom>
          <a:solidFill>
            <a:schemeClr val="accent1"/>
          </a:solidFill>
          <a:ln>
            <a:solidFill>
              <a:srgbClr val="4D8934"/>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1050" b="1" dirty="0">
                <a:solidFill>
                  <a:schemeClr val="bg1"/>
                </a:solidFill>
              </a:rPr>
              <a:t>CoMCoP – Gas MEM</a:t>
            </a:r>
          </a:p>
        </p:txBody>
      </p:sp>
      <p:grpSp>
        <p:nvGrpSpPr>
          <p:cNvPr id="14" name="Group 13">
            <a:extLst>
              <a:ext uri="{FF2B5EF4-FFF2-40B4-BE49-F238E27FC236}">
                <a16:creationId xmlns:a16="http://schemas.microsoft.com/office/drawing/2014/main" id="{E11EAF77-5B11-4609-86A9-FBC96AD5B94A}"/>
              </a:ext>
            </a:extLst>
          </p:cNvPr>
          <p:cNvGrpSpPr/>
          <p:nvPr/>
        </p:nvGrpSpPr>
        <p:grpSpPr>
          <a:xfrm>
            <a:off x="4473461" y="4137435"/>
            <a:ext cx="643168" cy="635716"/>
            <a:chOff x="4465675" y="2293710"/>
            <a:chExt cx="561309" cy="578758"/>
          </a:xfrm>
        </p:grpSpPr>
        <p:sp>
          <p:nvSpPr>
            <p:cNvPr id="15" name="Oval 14">
              <a:extLst>
                <a:ext uri="{FF2B5EF4-FFF2-40B4-BE49-F238E27FC236}">
                  <a16:creationId xmlns:a16="http://schemas.microsoft.com/office/drawing/2014/main" id="{04C557DC-DC01-4811-A0BB-A7705773B060}"/>
                </a:ext>
              </a:extLst>
            </p:cNvPr>
            <p:cNvSpPr/>
            <p:nvPr/>
          </p:nvSpPr>
          <p:spPr bwMode="gray">
            <a:xfrm>
              <a:off x="4465675" y="2293710"/>
              <a:ext cx="561309" cy="578758"/>
            </a:xfrm>
            <a:prstGeom prst="ellipse">
              <a:avLst/>
            </a:prstGeom>
            <a:solidFill>
              <a:schemeClr val="accent1"/>
            </a:solidFill>
            <a:ln w="120650" algn="ctr">
              <a:solidFill>
                <a:schemeClr val="bg2">
                  <a:alpha val="62000"/>
                </a:schemeClr>
              </a:solid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000" b="1" i="0" u="none" strike="noStrike" kern="1200" cap="none" spc="0" normalizeH="0" baseline="0" noProof="0">
                <a:ln>
                  <a:noFill/>
                </a:ln>
                <a:solidFill>
                  <a:prstClr val="white"/>
                </a:solidFill>
                <a:effectLst/>
                <a:uLnTx/>
                <a:uFillTx/>
                <a:latin typeface="Calibri Light"/>
                <a:ea typeface="+mn-ea"/>
                <a:cs typeface="+mn-cs"/>
              </a:endParaRPr>
            </a:p>
          </p:txBody>
        </p:sp>
        <p:sp>
          <p:nvSpPr>
            <p:cNvPr id="16" name="Graphic 4">
              <a:extLst>
                <a:ext uri="{FF2B5EF4-FFF2-40B4-BE49-F238E27FC236}">
                  <a16:creationId xmlns:a16="http://schemas.microsoft.com/office/drawing/2014/main" id="{74DA03AD-3387-4EAE-A407-55BB5BD95313}"/>
                </a:ext>
              </a:extLst>
            </p:cNvPr>
            <p:cNvSpPr>
              <a:spLocks/>
            </p:cNvSpPr>
            <p:nvPr/>
          </p:nvSpPr>
          <p:spPr>
            <a:xfrm>
              <a:off x="4575237" y="2407268"/>
              <a:ext cx="338656" cy="349183"/>
            </a:xfrm>
            <a:custGeom>
              <a:avLst/>
              <a:gdLst>
                <a:gd name="connsiteX0" fmla="*/ 181474 w 362309"/>
                <a:gd name="connsiteY0" fmla="*/ 0 h 361971"/>
                <a:gd name="connsiteX1" fmla="*/ 0 w 362309"/>
                <a:gd name="connsiteY1" fmla="*/ 180667 h 361971"/>
                <a:gd name="connsiteX2" fmla="*/ 180835 w 362309"/>
                <a:gd name="connsiteY2" fmla="*/ 361971 h 361971"/>
                <a:gd name="connsiteX3" fmla="*/ 362310 w 362309"/>
                <a:gd name="connsiteY3" fmla="*/ 181305 h 361971"/>
                <a:gd name="connsiteX4" fmla="*/ 362310 w 362309"/>
                <a:gd name="connsiteY4" fmla="*/ 181305 h 361971"/>
                <a:gd name="connsiteX5" fmla="*/ 181474 w 362309"/>
                <a:gd name="connsiteY5" fmla="*/ 0 h 361971"/>
                <a:gd name="connsiteX6" fmla="*/ 169333 w 362309"/>
                <a:gd name="connsiteY6" fmla="*/ 294301 h 361971"/>
                <a:gd name="connsiteX7" fmla="*/ 163582 w 362309"/>
                <a:gd name="connsiteY7" fmla="*/ 298770 h 361971"/>
                <a:gd name="connsiteX8" fmla="*/ 161665 w 362309"/>
                <a:gd name="connsiteY8" fmla="*/ 298770 h 361971"/>
                <a:gd name="connsiteX9" fmla="*/ 88820 w 362309"/>
                <a:gd name="connsiteY9" fmla="*/ 215140 h 361971"/>
                <a:gd name="connsiteX10" fmla="*/ 88820 w 362309"/>
                <a:gd name="connsiteY10" fmla="*/ 213863 h 361971"/>
                <a:gd name="connsiteX11" fmla="*/ 138662 w 362309"/>
                <a:gd name="connsiteY11" fmla="*/ 130872 h 361971"/>
                <a:gd name="connsiteX12" fmla="*/ 148885 w 362309"/>
                <a:gd name="connsiteY12" fmla="*/ 120657 h 361971"/>
                <a:gd name="connsiteX13" fmla="*/ 157192 w 362309"/>
                <a:gd name="connsiteY13" fmla="*/ 63840 h 361971"/>
                <a:gd name="connsiteX14" fmla="*/ 161027 w 362309"/>
                <a:gd name="connsiteY14" fmla="*/ 55540 h 361971"/>
                <a:gd name="connsiteX15" fmla="*/ 166138 w 362309"/>
                <a:gd name="connsiteY15" fmla="*/ 55540 h 361971"/>
                <a:gd name="connsiteX16" fmla="*/ 202561 w 362309"/>
                <a:gd name="connsiteY16" fmla="*/ 82353 h 361971"/>
                <a:gd name="connsiteX17" fmla="*/ 228121 w 362309"/>
                <a:gd name="connsiteY17" fmla="*/ 158961 h 361971"/>
                <a:gd name="connsiteX18" fmla="*/ 228121 w 362309"/>
                <a:gd name="connsiteY18" fmla="*/ 179390 h 361971"/>
                <a:gd name="connsiteX19" fmla="*/ 232594 w 362309"/>
                <a:gd name="connsiteY19" fmla="*/ 181305 h 361971"/>
                <a:gd name="connsiteX20" fmla="*/ 233233 w 362309"/>
                <a:gd name="connsiteY20" fmla="*/ 181305 h 361971"/>
                <a:gd name="connsiteX21" fmla="*/ 240901 w 362309"/>
                <a:gd name="connsiteY21" fmla="*/ 169814 h 361971"/>
                <a:gd name="connsiteX22" fmla="*/ 249208 w 362309"/>
                <a:gd name="connsiteY22" fmla="*/ 165984 h 361971"/>
                <a:gd name="connsiteX23" fmla="*/ 253041 w 362309"/>
                <a:gd name="connsiteY23" fmla="*/ 173006 h 361971"/>
                <a:gd name="connsiteX24" fmla="*/ 232594 w 362309"/>
                <a:gd name="connsiteY24" fmla="*/ 193435 h 361971"/>
                <a:gd name="connsiteX25" fmla="*/ 217897 w 362309"/>
                <a:gd name="connsiteY25" fmla="*/ 186412 h 361971"/>
                <a:gd name="connsiteX26" fmla="*/ 215980 w 362309"/>
                <a:gd name="connsiteY26" fmla="*/ 155131 h 361971"/>
                <a:gd name="connsiteX27" fmla="*/ 173167 w 362309"/>
                <a:gd name="connsiteY27" fmla="*/ 74692 h 361971"/>
                <a:gd name="connsiteX28" fmla="*/ 158470 w 362309"/>
                <a:gd name="connsiteY28" fmla="*/ 129595 h 361971"/>
                <a:gd name="connsiteX29" fmla="*/ 147607 w 362309"/>
                <a:gd name="connsiteY29" fmla="*/ 139809 h 361971"/>
                <a:gd name="connsiteX30" fmla="*/ 102239 w 362309"/>
                <a:gd name="connsiteY30" fmla="*/ 213863 h 361971"/>
                <a:gd name="connsiteX31" fmla="*/ 102239 w 362309"/>
                <a:gd name="connsiteY31" fmla="*/ 214502 h 361971"/>
                <a:gd name="connsiteX32" fmla="*/ 166138 w 362309"/>
                <a:gd name="connsiteY32" fmla="*/ 286002 h 361971"/>
                <a:gd name="connsiteX33" fmla="*/ 169333 w 362309"/>
                <a:gd name="connsiteY33" fmla="*/ 294301 h 361971"/>
                <a:gd name="connsiteX34" fmla="*/ 169333 w 362309"/>
                <a:gd name="connsiteY34" fmla="*/ 294301 h 361971"/>
                <a:gd name="connsiteX35" fmla="*/ 175723 w 362309"/>
                <a:gd name="connsiteY35" fmla="*/ 250252 h 361971"/>
                <a:gd name="connsiteX36" fmla="*/ 169972 w 362309"/>
                <a:gd name="connsiteY36" fmla="*/ 243868 h 361971"/>
                <a:gd name="connsiteX37" fmla="*/ 157832 w 362309"/>
                <a:gd name="connsiteY37" fmla="*/ 210671 h 361971"/>
                <a:gd name="connsiteX38" fmla="*/ 147607 w 362309"/>
                <a:gd name="connsiteY38" fmla="*/ 231738 h 361971"/>
                <a:gd name="connsiteX39" fmla="*/ 147607 w 362309"/>
                <a:gd name="connsiteY39" fmla="*/ 261743 h 361971"/>
                <a:gd name="connsiteX40" fmla="*/ 145052 w 362309"/>
                <a:gd name="connsiteY40" fmla="*/ 270681 h 361971"/>
                <a:gd name="connsiteX41" fmla="*/ 145052 w 362309"/>
                <a:gd name="connsiteY41" fmla="*/ 270681 h 361971"/>
                <a:gd name="connsiteX42" fmla="*/ 141857 w 362309"/>
                <a:gd name="connsiteY42" fmla="*/ 271319 h 361971"/>
                <a:gd name="connsiteX43" fmla="*/ 136106 w 362309"/>
                <a:gd name="connsiteY43" fmla="*/ 268127 h 361971"/>
                <a:gd name="connsiteX44" fmla="*/ 138022 w 362309"/>
                <a:gd name="connsiteY44" fmla="*/ 222801 h 361971"/>
                <a:gd name="connsiteX45" fmla="*/ 143135 w 362309"/>
                <a:gd name="connsiteY45" fmla="*/ 194711 h 361971"/>
                <a:gd name="connsiteX46" fmla="*/ 146330 w 362309"/>
                <a:gd name="connsiteY46" fmla="*/ 186412 h 361971"/>
                <a:gd name="connsiteX47" fmla="*/ 152720 w 362309"/>
                <a:gd name="connsiteY47" fmla="*/ 187051 h 361971"/>
                <a:gd name="connsiteX48" fmla="*/ 182113 w 362309"/>
                <a:gd name="connsiteY48" fmla="*/ 244506 h 361971"/>
                <a:gd name="connsiteX49" fmla="*/ 175723 w 362309"/>
                <a:gd name="connsiteY49" fmla="*/ 250252 h 361971"/>
                <a:gd name="connsiteX50" fmla="*/ 175723 w 362309"/>
                <a:gd name="connsiteY50" fmla="*/ 250252 h 361971"/>
                <a:gd name="connsiteX51" fmla="*/ 269016 w 362309"/>
                <a:gd name="connsiteY51" fmla="*/ 240676 h 361971"/>
                <a:gd name="connsiteX52" fmla="*/ 194254 w 362309"/>
                <a:gd name="connsiteY52" fmla="*/ 298132 h 361971"/>
                <a:gd name="connsiteX53" fmla="*/ 194254 w 362309"/>
                <a:gd name="connsiteY53" fmla="*/ 298132 h 361971"/>
                <a:gd name="connsiteX54" fmla="*/ 192337 w 362309"/>
                <a:gd name="connsiteY54" fmla="*/ 298132 h 361971"/>
                <a:gd name="connsiteX55" fmla="*/ 192337 w 362309"/>
                <a:gd name="connsiteY55" fmla="*/ 298132 h 361971"/>
                <a:gd name="connsiteX56" fmla="*/ 190420 w 362309"/>
                <a:gd name="connsiteY56" fmla="*/ 298132 h 361971"/>
                <a:gd name="connsiteX57" fmla="*/ 189781 w 362309"/>
                <a:gd name="connsiteY57" fmla="*/ 298132 h 361971"/>
                <a:gd name="connsiteX58" fmla="*/ 188503 w 362309"/>
                <a:gd name="connsiteY58" fmla="*/ 297493 h 361971"/>
                <a:gd name="connsiteX59" fmla="*/ 187864 w 362309"/>
                <a:gd name="connsiteY59" fmla="*/ 296855 h 361971"/>
                <a:gd name="connsiteX60" fmla="*/ 187225 w 362309"/>
                <a:gd name="connsiteY60" fmla="*/ 296217 h 361971"/>
                <a:gd name="connsiteX61" fmla="*/ 186586 w 362309"/>
                <a:gd name="connsiteY61" fmla="*/ 295578 h 361971"/>
                <a:gd name="connsiteX62" fmla="*/ 186586 w 362309"/>
                <a:gd name="connsiteY62" fmla="*/ 295578 h 361971"/>
                <a:gd name="connsiteX63" fmla="*/ 186586 w 362309"/>
                <a:gd name="connsiteY63" fmla="*/ 294940 h 361971"/>
                <a:gd name="connsiteX64" fmla="*/ 185947 w 362309"/>
                <a:gd name="connsiteY64" fmla="*/ 293663 h 361971"/>
                <a:gd name="connsiteX65" fmla="*/ 185947 w 362309"/>
                <a:gd name="connsiteY65" fmla="*/ 293025 h 361971"/>
                <a:gd name="connsiteX66" fmla="*/ 185947 w 362309"/>
                <a:gd name="connsiteY66" fmla="*/ 291748 h 361971"/>
                <a:gd name="connsiteX67" fmla="*/ 185947 w 362309"/>
                <a:gd name="connsiteY67" fmla="*/ 290471 h 361971"/>
                <a:gd name="connsiteX68" fmla="*/ 185947 w 362309"/>
                <a:gd name="connsiteY68" fmla="*/ 289194 h 361971"/>
                <a:gd name="connsiteX69" fmla="*/ 186586 w 362309"/>
                <a:gd name="connsiteY69" fmla="*/ 287917 h 361971"/>
                <a:gd name="connsiteX70" fmla="*/ 187225 w 362309"/>
                <a:gd name="connsiteY70" fmla="*/ 287279 h 361971"/>
                <a:gd name="connsiteX71" fmla="*/ 188503 w 362309"/>
                <a:gd name="connsiteY71" fmla="*/ 286641 h 361971"/>
                <a:gd name="connsiteX72" fmla="*/ 188503 w 362309"/>
                <a:gd name="connsiteY72" fmla="*/ 286641 h 361971"/>
                <a:gd name="connsiteX73" fmla="*/ 216619 w 362309"/>
                <a:gd name="connsiteY73" fmla="*/ 245783 h 361971"/>
                <a:gd name="connsiteX74" fmla="*/ 198088 w 362309"/>
                <a:gd name="connsiteY74" fmla="*/ 210033 h 361971"/>
                <a:gd name="connsiteX75" fmla="*/ 180196 w 362309"/>
                <a:gd name="connsiteY75" fmla="*/ 176198 h 361971"/>
                <a:gd name="connsiteX76" fmla="*/ 174445 w 362309"/>
                <a:gd name="connsiteY76" fmla="*/ 190243 h 361971"/>
                <a:gd name="connsiteX77" fmla="*/ 166777 w 362309"/>
                <a:gd name="connsiteY77" fmla="*/ 195350 h 361971"/>
                <a:gd name="connsiteX78" fmla="*/ 161665 w 362309"/>
                <a:gd name="connsiteY78" fmla="*/ 187689 h 361971"/>
                <a:gd name="connsiteX79" fmla="*/ 161665 w 362309"/>
                <a:gd name="connsiteY79" fmla="*/ 186412 h 361971"/>
                <a:gd name="connsiteX80" fmla="*/ 182752 w 362309"/>
                <a:gd name="connsiteY80" fmla="*/ 151300 h 361971"/>
                <a:gd name="connsiteX81" fmla="*/ 190420 w 362309"/>
                <a:gd name="connsiteY81" fmla="*/ 150662 h 361971"/>
                <a:gd name="connsiteX82" fmla="*/ 193615 w 362309"/>
                <a:gd name="connsiteY82" fmla="*/ 157684 h 361971"/>
                <a:gd name="connsiteX83" fmla="*/ 205756 w 362309"/>
                <a:gd name="connsiteY83" fmla="*/ 199819 h 361971"/>
                <a:gd name="connsiteX84" fmla="*/ 229399 w 362309"/>
                <a:gd name="connsiteY84" fmla="*/ 246422 h 361971"/>
                <a:gd name="connsiteX85" fmla="*/ 221092 w 362309"/>
                <a:gd name="connsiteY85" fmla="*/ 273234 h 361971"/>
                <a:gd name="connsiteX86" fmla="*/ 256236 w 362309"/>
                <a:gd name="connsiteY86" fmla="*/ 235569 h 361971"/>
                <a:gd name="connsiteX87" fmla="*/ 242179 w 362309"/>
                <a:gd name="connsiteY87" fmla="*/ 146193 h 361971"/>
                <a:gd name="connsiteX88" fmla="*/ 244096 w 362309"/>
                <a:gd name="connsiteY88" fmla="*/ 137256 h 361971"/>
                <a:gd name="connsiteX89" fmla="*/ 253041 w 362309"/>
                <a:gd name="connsiteY89" fmla="*/ 139171 h 361971"/>
                <a:gd name="connsiteX90" fmla="*/ 269016 w 362309"/>
                <a:gd name="connsiteY90" fmla="*/ 240676 h 361971"/>
                <a:gd name="connsiteX91" fmla="*/ 269016 w 362309"/>
                <a:gd name="connsiteY91" fmla="*/ 240676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Lst>
              <a:rect l="l" t="t" r="r" b="b"/>
              <a:pathLst>
                <a:path w="362309" h="361971">
                  <a:moveTo>
                    <a:pt x="181474" y="0"/>
                  </a:moveTo>
                  <a:cubicBezTo>
                    <a:pt x="81152" y="0"/>
                    <a:pt x="0" y="81076"/>
                    <a:pt x="0" y="180667"/>
                  </a:cubicBezTo>
                  <a:cubicBezTo>
                    <a:pt x="0" y="280257"/>
                    <a:pt x="81152" y="361971"/>
                    <a:pt x="180835" y="361971"/>
                  </a:cubicBezTo>
                  <a:cubicBezTo>
                    <a:pt x="280518" y="361971"/>
                    <a:pt x="362310" y="280895"/>
                    <a:pt x="362310" y="181305"/>
                  </a:cubicBezTo>
                  <a:cubicBezTo>
                    <a:pt x="362310" y="181305"/>
                    <a:pt x="362310" y="181305"/>
                    <a:pt x="362310" y="181305"/>
                  </a:cubicBezTo>
                  <a:cubicBezTo>
                    <a:pt x="362310" y="81076"/>
                    <a:pt x="281796" y="0"/>
                    <a:pt x="181474" y="0"/>
                  </a:cubicBezTo>
                  <a:close/>
                  <a:moveTo>
                    <a:pt x="169333" y="294301"/>
                  </a:moveTo>
                  <a:cubicBezTo>
                    <a:pt x="168695" y="296855"/>
                    <a:pt x="166138" y="298770"/>
                    <a:pt x="163582" y="298770"/>
                  </a:cubicBezTo>
                  <a:cubicBezTo>
                    <a:pt x="162943" y="298770"/>
                    <a:pt x="162305" y="298770"/>
                    <a:pt x="161665" y="298770"/>
                  </a:cubicBezTo>
                  <a:cubicBezTo>
                    <a:pt x="128438" y="287917"/>
                    <a:pt x="88181" y="264297"/>
                    <a:pt x="88820" y="215140"/>
                  </a:cubicBezTo>
                  <a:lnTo>
                    <a:pt x="88820" y="213863"/>
                  </a:lnTo>
                  <a:cubicBezTo>
                    <a:pt x="88820" y="178113"/>
                    <a:pt x="117575" y="150662"/>
                    <a:pt x="138662" y="130872"/>
                  </a:cubicBezTo>
                  <a:cubicBezTo>
                    <a:pt x="142496" y="127041"/>
                    <a:pt x="145690" y="123849"/>
                    <a:pt x="148885" y="120657"/>
                  </a:cubicBezTo>
                  <a:cubicBezTo>
                    <a:pt x="169333" y="99590"/>
                    <a:pt x="157192" y="64478"/>
                    <a:pt x="157192" y="63840"/>
                  </a:cubicBezTo>
                  <a:cubicBezTo>
                    <a:pt x="155915" y="60648"/>
                    <a:pt x="157832" y="56817"/>
                    <a:pt x="161027" y="55540"/>
                  </a:cubicBezTo>
                  <a:cubicBezTo>
                    <a:pt x="162943" y="54902"/>
                    <a:pt x="164221" y="54902"/>
                    <a:pt x="166138" y="55540"/>
                  </a:cubicBezTo>
                  <a:cubicBezTo>
                    <a:pt x="179557" y="62563"/>
                    <a:pt x="191698" y="71500"/>
                    <a:pt x="202561" y="82353"/>
                  </a:cubicBezTo>
                  <a:cubicBezTo>
                    <a:pt x="225565" y="105336"/>
                    <a:pt x="234511" y="132148"/>
                    <a:pt x="228121" y="158961"/>
                  </a:cubicBezTo>
                  <a:cubicBezTo>
                    <a:pt x="226204" y="165345"/>
                    <a:pt x="224926" y="175560"/>
                    <a:pt x="228121" y="179390"/>
                  </a:cubicBezTo>
                  <a:cubicBezTo>
                    <a:pt x="228760" y="180028"/>
                    <a:pt x="229399" y="181305"/>
                    <a:pt x="232594" y="181305"/>
                  </a:cubicBezTo>
                  <a:lnTo>
                    <a:pt x="233233" y="181305"/>
                  </a:lnTo>
                  <a:cubicBezTo>
                    <a:pt x="233233" y="181305"/>
                    <a:pt x="237706" y="180667"/>
                    <a:pt x="240901" y="169814"/>
                  </a:cubicBezTo>
                  <a:cubicBezTo>
                    <a:pt x="242179" y="166622"/>
                    <a:pt x="246013" y="164707"/>
                    <a:pt x="249208" y="165984"/>
                  </a:cubicBezTo>
                  <a:cubicBezTo>
                    <a:pt x="252403" y="167260"/>
                    <a:pt x="253681" y="170452"/>
                    <a:pt x="253041" y="173006"/>
                  </a:cubicBezTo>
                  <a:cubicBezTo>
                    <a:pt x="247291" y="192796"/>
                    <a:pt x="235150" y="193435"/>
                    <a:pt x="232594" y="193435"/>
                  </a:cubicBezTo>
                  <a:cubicBezTo>
                    <a:pt x="226843" y="193435"/>
                    <a:pt x="221731" y="190881"/>
                    <a:pt x="217897" y="186412"/>
                  </a:cubicBezTo>
                  <a:cubicBezTo>
                    <a:pt x="210229" y="175560"/>
                    <a:pt x="215341" y="157046"/>
                    <a:pt x="215980" y="155131"/>
                  </a:cubicBezTo>
                  <a:cubicBezTo>
                    <a:pt x="225565" y="116188"/>
                    <a:pt x="192337" y="87460"/>
                    <a:pt x="173167" y="74692"/>
                  </a:cubicBezTo>
                  <a:cubicBezTo>
                    <a:pt x="175084" y="89376"/>
                    <a:pt x="175084" y="112358"/>
                    <a:pt x="158470" y="129595"/>
                  </a:cubicBezTo>
                  <a:cubicBezTo>
                    <a:pt x="155275" y="132787"/>
                    <a:pt x="151442" y="136617"/>
                    <a:pt x="147607" y="139809"/>
                  </a:cubicBezTo>
                  <a:cubicBezTo>
                    <a:pt x="127160" y="158961"/>
                    <a:pt x="102239" y="183220"/>
                    <a:pt x="102239" y="213863"/>
                  </a:cubicBezTo>
                  <a:lnTo>
                    <a:pt x="102239" y="214502"/>
                  </a:lnTo>
                  <a:cubicBezTo>
                    <a:pt x="102239" y="247698"/>
                    <a:pt x="123326" y="271958"/>
                    <a:pt x="166138" y="286002"/>
                  </a:cubicBezTo>
                  <a:cubicBezTo>
                    <a:pt x="168695" y="287279"/>
                    <a:pt x="170611" y="291109"/>
                    <a:pt x="169333" y="294301"/>
                  </a:cubicBezTo>
                  <a:lnTo>
                    <a:pt x="169333" y="294301"/>
                  </a:lnTo>
                  <a:close/>
                  <a:moveTo>
                    <a:pt x="175723" y="250252"/>
                  </a:moveTo>
                  <a:cubicBezTo>
                    <a:pt x="172528" y="250252"/>
                    <a:pt x="169972" y="247060"/>
                    <a:pt x="169972" y="243868"/>
                  </a:cubicBezTo>
                  <a:cubicBezTo>
                    <a:pt x="169972" y="231738"/>
                    <a:pt x="165500" y="219609"/>
                    <a:pt x="157832" y="210671"/>
                  </a:cubicBezTo>
                  <a:cubicBezTo>
                    <a:pt x="156553" y="218332"/>
                    <a:pt x="152720" y="225993"/>
                    <a:pt x="147607" y="231738"/>
                  </a:cubicBezTo>
                  <a:cubicBezTo>
                    <a:pt x="146330" y="233015"/>
                    <a:pt x="136745" y="243230"/>
                    <a:pt x="147607" y="261743"/>
                  </a:cubicBezTo>
                  <a:cubicBezTo>
                    <a:pt x="149525" y="264935"/>
                    <a:pt x="148247" y="268766"/>
                    <a:pt x="145052" y="270681"/>
                  </a:cubicBezTo>
                  <a:cubicBezTo>
                    <a:pt x="145052" y="270681"/>
                    <a:pt x="145052" y="270681"/>
                    <a:pt x="145052" y="270681"/>
                  </a:cubicBezTo>
                  <a:cubicBezTo>
                    <a:pt x="143774" y="271319"/>
                    <a:pt x="143135" y="271319"/>
                    <a:pt x="141857" y="271319"/>
                  </a:cubicBezTo>
                  <a:cubicBezTo>
                    <a:pt x="139301" y="271319"/>
                    <a:pt x="137384" y="270042"/>
                    <a:pt x="136106" y="268127"/>
                  </a:cubicBezTo>
                  <a:cubicBezTo>
                    <a:pt x="123326" y="246422"/>
                    <a:pt x="131633" y="229185"/>
                    <a:pt x="138022" y="222801"/>
                  </a:cubicBezTo>
                  <a:cubicBezTo>
                    <a:pt x="145052" y="215140"/>
                    <a:pt x="146969" y="204287"/>
                    <a:pt x="143135" y="194711"/>
                  </a:cubicBezTo>
                  <a:cubicBezTo>
                    <a:pt x="141857" y="191519"/>
                    <a:pt x="143135" y="187689"/>
                    <a:pt x="146330" y="186412"/>
                  </a:cubicBezTo>
                  <a:cubicBezTo>
                    <a:pt x="148247" y="185135"/>
                    <a:pt x="150802" y="185774"/>
                    <a:pt x="152720" y="187051"/>
                  </a:cubicBezTo>
                  <a:cubicBezTo>
                    <a:pt x="153997" y="188327"/>
                    <a:pt x="183391" y="211948"/>
                    <a:pt x="182113" y="244506"/>
                  </a:cubicBezTo>
                  <a:cubicBezTo>
                    <a:pt x="182113" y="247698"/>
                    <a:pt x="179557" y="250252"/>
                    <a:pt x="175723" y="250252"/>
                  </a:cubicBezTo>
                  <a:lnTo>
                    <a:pt x="175723" y="250252"/>
                  </a:lnTo>
                  <a:close/>
                  <a:moveTo>
                    <a:pt x="269016" y="240676"/>
                  </a:moveTo>
                  <a:cubicBezTo>
                    <a:pt x="258154" y="268127"/>
                    <a:pt x="233233" y="287279"/>
                    <a:pt x="194254" y="298132"/>
                  </a:cubicBezTo>
                  <a:lnTo>
                    <a:pt x="194254" y="298132"/>
                  </a:lnTo>
                  <a:lnTo>
                    <a:pt x="192337" y="298132"/>
                  </a:lnTo>
                  <a:lnTo>
                    <a:pt x="192337" y="298132"/>
                  </a:lnTo>
                  <a:cubicBezTo>
                    <a:pt x="191698" y="298132"/>
                    <a:pt x="191059" y="298132"/>
                    <a:pt x="190420" y="298132"/>
                  </a:cubicBezTo>
                  <a:lnTo>
                    <a:pt x="189781" y="298132"/>
                  </a:lnTo>
                  <a:lnTo>
                    <a:pt x="188503" y="297493"/>
                  </a:lnTo>
                  <a:lnTo>
                    <a:pt x="187864" y="296855"/>
                  </a:lnTo>
                  <a:lnTo>
                    <a:pt x="187225" y="296217"/>
                  </a:lnTo>
                  <a:cubicBezTo>
                    <a:pt x="187225" y="296217"/>
                    <a:pt x="187225" y="296217"/>
                    <a:pt x="186586" y="295578"/>
                  </a:cubicBezTo>
                  <a:lnTo>
                    <a:pt x="186586" y="295578"/>
                  </a:lnTo>
                  <a:cubicBezTo>
                    <a:pt x="186586" y="295578"/>
                    <a:pt x="186586" y="295578"/>
                    <a:pt x="186586" y="294940"/>
                  </a:cubicBezTo>
                  <a:cubicBezTo>
                    <a:pt x="186586" y="294301"/>
                    <a:pt x="185947" y="294301"/>
                    <a:pt x="185947" y="293663"/>
                  </a:cubicBezTo>
                  <a:cubicBezTo>
                    <a:pt x="185947" y="293663"/>
                    <a:pt x="185947" y="293663"/>
                    <a:pt x="185947" y="293025"/>
                  </a:cubicBezTo>
                  <a:cubicBezTo>
                    <a:pt x="185947" y="292386"/>
                    <a:pt x="185947" y="292386"/>
                    <a:pt x="185947" y="291748"/>
                  </a:cubicBezTo>
                  <a:cubicBezTo>
                    <a:pt x="185947" y="291109"/>
                    <a:pt x="185947" y="291109"/>
                    <a:pt x="185947" y="290471"/>
                  </a:cubicBezTo>
                  <a:cubicBezTo>
                    <a:pt x="185947" y="289833"/>
                    <a:pt x="185947" y="289833"/>
                    <a:pt x="185947" y="289194"/>
                  </a:cubicBezTo>
                  <a:lnTo>
                    <a:pt x="186586" y="287917"/>
                  </a:lnTo>
                  <a:lnTo>
                    <a:pt x="187225" y="287279"/>
                  </a:lnTo>
                  <a:cubicBezTo>
                    <a:pt x="187225" y="286641"/>
                    <a:pt x="187864" y="286641"/>
                    <a:pt x="188503" y="286641"/>
                  </a:cubicBezTo>
                  <a:lnTo>
                    <a:pt x="188503" y="286641"/>
                  </a:lnTo>
                  <a:cubicBezTo>
                    <a:pt x="211507" y="272596"/>
                    <a:pt x="215980" y="257913"/>
                    <a:pt x="216619" y="245783"/>
                  </a:cubicBezTo>
                  <a:cubicBezTo>
                    <a:pt x="217258" y="236207"/>
                    <a:pt x="216619" y="225993"/>
                    <a:pt x="198088" y="210033"/>
                  </a:cubicBezTo>
                  <a:cubicBezTo>
                    <a:pt x="187864" y="201734"/>
                    <a:pt x="181474" y="188966"/>
                    <a:pt x="180196" y="176198"/>
                  </a:cubicBezTo>
                  <a:cubicBezTo>
                    <a:pt x="177640" y="180667"/>
                    <a:pt x="175723" y="185135"/>
                    <a:pt x="174445" y="190243"/>
                  </a:cubicBezTo>
                  <a:cubicBezTo>
                    <a:pt x="173806" y="193435"/>
                    <a:pt x="170611" y="195988"/>
                    <a:pt x="166777" y="195350"/>
                  </a:cubicBezTo>
                  <a:cubicBezTo>
                    <a:pt x="162943" y="194711"/>
                    <a:pt x="161027" y="191519"/>
                    <a:pt x="161665" y="187689"/>
                  </a:cubicBezTo>
                  <a:cubicBezTo>
                    <a:pt x="161665" y="187051"/>
                    <a:pt x="161665" y="187051"/>
                    <a:pt x="161665" y="186412"/>
                  </a:cubicBezTo>
                  <a:cubicBezTo>
                    <a:pt x="164860" y="173006"/>
                    <a:pt x="172528" y="160238"/>
                    <a:pt x="182752" y="151300"/>
                  </a:cubicBezTo>
                  <a:cubicBezTo>
                    <a:pt x="184669" y="149385"/>
                    <a:pt x="187864" y="149385"/>
                    <a:pt x="190420" y="150662"/>
                  </a:cubicBezTo>
                  <a:cubicBezTo>
                    <a:pt x="192976" y="151939"/>
                    <a:pt x="193615" y="154492"/>
                    <a:pt x="193615" y="157684"/>
                  </a:cubicBezTo>
                  <a:cubicBezTo>
                    <a:pt x="189142" y="173006"/>
                    <a:pt x="194254" y="188966"/>
                    <a:pt x="205756" y="199819"/>
                  </a:cubicBezTo>
                  <a:cubicBezTo>
                    <a:pt x="226843" y="217694"/>
                    <a:pt x="230677" y="231100"/>
                    <a:pt x="229399" y="246422"/>
                  </a:cubicBezTo>
                  <a:cubicBezTo>
                    <a:pt x="228760" y="255998"/>
                    <a:pt x="226204" y="264935"/>
                    <a:pt x="221092" y="273234"/>
                  </a:cubicBezTo>
                  <a:cubicBezTo>
                    <a:pt x="237067" y="265574"/>
                    <a:pt x="249208" y="252167"/>
                    <a:pt x="256236" y="235569"/>
                  </a:cubicBezTo>
                  <a:cubicBezTo>
                    <a:pt x="272211" y="194711"/>
                    <a:pt x="242179" y="146832"/>
                    <a:pt x="242179" y="146193"/>
                  </a:cubicBezTo>
                  <a:cubicBezTo>
                    <a:pt x="240261" y="143001"/>
                    <a:pt x="241540" y="139171"/>
                    <a:pt x="244096" y="137256"/>
                  </a:cubicBezTo>
                  <a:cubicBezTo>
                    <a:pt x="246651" y="135340"/>
                    <a:pt x="251124" y="136617"/>
                    <a:pt x="253041" y="139171"/>
                  </a:cubicBezTo>
                  <a:cubicBezTo>
                    <a:pt x="255597" y="141724"/>
                    <a:pt x="287547" y="194073"/>
                    <a:pt x="269016" y="240676"/>
                  </a:cubicBezTo>
                  <a:lnTo>
                    <a:pt x="269016" y="240676"/>
                  </a:lnTo>
                  <a:close/>
                </a:path>
              </a:pathLst>
            </a:custGeom>
            <a:solidFill>
              <a:schemeClr val="bg1"/>
            </a:solidFill>
            <a:ln w="6390" cap="flat">
              <a:noFill/>
              <a:prstDash val="solid"/>
              <a:miter/>
            </a:ln>
          </p:spPr>
          <p:txBody>
            <a:bodyPr rtlCol="0" anchor="ctr"/>
            <a:lstStyle/>
            <a:p>
              <a:endParaRPr lang="en-US" sz="1050"/>
            </a:p>
          </p:txBody>
        </p:sp>
      </p:grpSp>
      <p:sp>
        <p:nvSpPr>
          <p:cNvPr id="17" name="Rectangle 16">
            <a:extLst>
              <a:ext uri="{FF2B5EF4-FFF2-40B4-BE49-F238E27FC236}">
                <a16:creationId xmlns:a16="http://schemas.microsoft.com/office/drawing/2014/main" id="{4CE4BC90-2F7E-408B-A5E0-3F5764B6F182}"/>
              </a:ext>
            </a:extLst>
          </p:cNvPr>
          <p:cNvSpPr/>
          <p:nvPr/>
        </p:nvSpPr>
        <p:spPr>
          <a:xfrm rot="5400000">
            <a:off x="8744701" y="3317742"/>
            <a:ext cx="1891384" cy="4606266"/>
          </a:xfrm>
          <a:prstGeom prst="rect">
            <a:avLst/>
          </a:prstGeom>
          <a:noFill/>
          <a:ln w="25400" cap="flat" cmpd="sng" algn="ctr">
            <a:solidFill>
              <a:srgbClr val="046A38"/>
            </a:solidFill>
            <a:prstDash val="dash"/>
          </a:ln>
          <a:effectLst/>
        </p:spPr>
        <p:txBody>
          <a:bodyPr vert="vert270" tIns="391903" rIns="32659" rtlCol="0" anchor="t"/>
          <a:lstStyle/>
          <a:p>
            <a:pPr marL="0" marR="0" lvl="0" indent="0" algn="ctr" defTabSz="829544" eaLnBrk="1" fontAlgn="auto" latinLnBrk="0" hangingPunct="1">
              <a:lnSpc>
                <a:spcPct val="100000"/>
              </a:lnSpc>
              <a:spcBef>
                <a:spcPts val="0"/>
              </a:spcBef>
              <a:spcAft>
                <a:spcPts val="0"/>
              </a:spcAft>
              <a:buClrTx/>
              <a:buSzTx/>
              <a:buFontTx/>
              <a:buNone/>
              <a:tabLst/>
              <a:defRPr/>
            </a:pPr>
            <a:endParaRPr kumimoji="0" lang="en-GB" sz="1000" b="0" i="0" u="none" strike="noStrike" kern="0" cap="none" spc="0" normalizeH="0" baseline="0" noProof="0">
              <a:ln>
                <a:noFill/>
              </a:ln>
              <a:solidFill>
                <a:prstClr val="black"/>
              </a:solidFill>
              <a:effectLst/>
              <a:uLnTx/>
              <a:uFillTx/>
              <a:latin typeface="Roboto" panose="02000000000000000000"/>
            </a:endParaRPr>
          </a:p>
        </p:txBody>
      </p:sp>
      <p:sp>
        <p:nvSpPr>
          <p:cNvPr id="22" name="Rectangle 21">
            <a:extLst>
              <a:ext uri="{FF2B5EF4-FFF2-40B4-BE49-F238E27FC236}">
                <a16:creationId xmlns:a16="http://schemas.microsoft.com/office/drawing/2014/main" id="{35B703AD-94C8-445B-BB03-96B9AD94F584}"/>
              </a:ext>
            </a:extLst>
          </p:cNvPr>
          <p:cNvSpPr/>
          <p:nvPr/>
        </p:nvSpPr>
        <p:spPr>
          <a:xfrm>
            <a:off x="7501807" y="4846410"/>
            <a:ext cx="4337608" cy="286602"/>
          </a:xfrm>
          <a:prstGeom prst="rect">
            <a:avLst/>
          </a:prstGeom>
          <a:solidFill>
            <a:srgbClr val="046A38"/>
          </a:solidFill>
          <a:ln>
            <a:solidFill>
              <a:srgbClr val="A0C6B3"/>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1050" b="1" dirty="0">
                <a:solidFill>
                  <a:schemeClr val="bg1"/>
                </a:solidFill>
              </a:rPr>
              <a:t>CoMCoP – Electricity MEM</a:t>
            </a:r>
          </a:p>
        </p:txBody>
      </p:sp>
      <p:grpSp>
        <p:nvGrpSpPr>
          <p:cNvPr id="37" name="Group 36">
            <a:extLst>
              <a:ext uri="{FF2B5EF4-FFF2-40B4-BE49-F238E27FC236}">
                <a16:creationId xmlns:a16="http://schemas.microsoft.com/office/drawing/2014/main" id="{DAC0CCA5-1A9E-4BA4-88F4-56FFEE779EF8}"/>
              </a:ext>
            </a:extLst>
          </p:cNvPr>
          <p:cNvGrpSpPr/>
          <p:nvPr/>
        </p:nvGrpSpPr>
        <p:grpSpPr>
          <a:xfrm>
            <a:off x="9382551" y="4137436"/>
            <a:ext cx="643168" cy="635715"/>
            <a:chOff x="10145576" y="306294"/>
            <a:chExt cx="561309" cy="578758"/>
          </a:xfrm>
        </p:grpSpPr>
        <p:sp>
          <p:nvSpPr>
            <p:cNvPr id="38" name="Oval 37">
              <a:extLst>
                <a:ext uri="{FF2B5EF4-FFF2-40B4-BE49-F238E27FC236}">
                  <a16:creationId xmlns:a16="http://schemas.microsoft.com/office/drawing/2014/main" id="{0C4FE029-FE07-45D4-A770-20F56184F7C7}"/>
                </a:ext>
              </a:extLst>
            </p:cNvPr>
            <p:cNvSpPr/>
            <p:nvPr/>
          </p:nvSpPr>
          <p:spPr bwMode="gray">
            <a:xfrm>
              <a:off x="10145576" y="306294"/>
              <a:ext cx="561309" cy="578758"/>
            </a:xfrm>
            <a:prstGeom prst="ellipse">
              <a:avLst/>
            </a:prstGeom>
            <a:solidFill>
              <a:srgbClr val="046A38"/>
            </a:solidFill>
            <a:ln w="120650" algn="ctr">
              <a:solidFill>
                <a:schemeClr val="bg2">
                  <a:alpha val="62000"/>
                </a:schemeClr>
              </a:solid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000" b="1" i="0" u="none" strike="noStrike" kern="1200" cap="none" spc="0" normalizeH="0" baseline="0" noProof="0">
                <a:ln>
                  <a:noFill/>
                </a:ln>
                <a:solidFill>
                  <a:prstClr val="white"/>
                </a:solidFill>
                <a:effectLst/>
                <a:uLnTx/>
                <a:uFillTx/>
                <a:latin typeface="Calibri Light"/>
                <a:ea typeface="+mn-ea"/>
                <a:cs typeface="+mn-cs"/>
              </a:endParaRPr>
            </a:p>
          </p:txBody>
        </p:sp>
        <p:grpSp>
          <p:nvGrpSpPr>
            <p:cNvPr id="39" name="Group 38">
              <a:extLst>
                <a:ext uri="{FF2B5EF4-FFF2-40B4-BE49-F238E27FC236}">
                  <a16:creationId xmlns:a16="http://schemas.microsoft.com/office/drawing/2014/main" id="{4855A5A7-CE94-4C99-99A7-612B54153C4C}"/>
                </a:ext>
              </a:extLst>
            </p:cNvPr>
            <p:cNvGrpSpPr/>
            <p:nvPr/>
          </p:nvGrpSpPr>
          <p:grpSpPr>
            <a:xfrm>
              <a:off x="10263658" y="421809"/>
              <a:ext cx="338553" cy="349613"/>
              <a:chOff x="905454" y="918179"/>
              <a:chExt cx="362309" cy="361971"/>
            </a:xfrm>
            <a:solidFill>
              <a:schemeClr val="bg1"/>
            </a:solidFill>
          </p:grpSpPr>
          <p:sp>
            <p:nvSpPr>
              <p:cNvPr id="40" name="Graphic 4">
                <a:extLst>
                  <a:ext uri="{FF2B5EF4-FFF2-40B4-BE49-F238E27FC236}">
                    <a16:creationId xmlns:a16="http://schemas.microsoft.com/office/drawing/2014/main" id="{FDAF64C6-A8D9-444D-84DD-3E605FACDEE8}"/>
                  </a:ext>
                </a:extLst>
              </p:cNvPr>
              <p:cNvSpPr/>
              <p:nvPr/>
            </p:nvSpPr>
            <p:spPr>
              <a:xfrm>
                <a:off x="1072231" y="1066287"/>
                <a:ext cx="5750" cy="9575"/>
              </a:xfrm>
              <a:custGeom>
                <a:avLst/>
                <a:gdLst>
                  <a:gd name="connsiteX0" fmla="*/ 0 w 5750"/>
                  <a:gd name="connsiteY0" fmla="*/ 9576 h 9575"/>
                  <a:gd name="connsiteX1" fmla="*/ 5751 w 5750"/>
                  <a:gd name="connsiteY1" fmla="*/ 3830 h 9575"/>
                  <a:gd name="connsiteX2" fmla="*/ 1917 w 5750"/>
                  <a:gd name="connsiteY2" fmla="*/ 0 h 9575"/>
                </a:gdLst>
                <a:ahLst/>
                <a:cxnLst>
                  <a:cxn ang="0">
                    <a:pos x="connsiteX0" y="connsiteY0"/>
                  </a:cxn>
                  <a:cxn ang="0">
                    <a:pos x="connsiteX1" y="connsiteY1"/>
                  </a:cxn>
                  <a:cxn ang="0">
                    <a:pos x="connsiteX2" y="connsiteY2"/>
                  </a:cxn>
                </a:cxnLst>
                <a:rect l="l" t="t" r="r" b="b"/>
                <a:pathLst>
                  <a:path w="5750" h="9575">
                    <a:moveTo>
                      <a:pt x="0" y="9576"/>
                    </a:moveTo>
                    <a:lnTo>
                      <a:pt x="5751" y="3830"/>
                    </a:lnTo>
                    <a:lnTo>
                      <a:pt x="1917" y="0"/>
                    </a:lnTo>
                    <a:close/>
                  </a:path>
                </a:pathLst>
              </a:custGeom>
              <a:grpFill/>
              <a:ln w="6390" cap="flat">
                <a:noFill/>
                <a:prstDash val="solid"/>
                <a:miter/>
              </a:ln>
            </p:spPr>
            <p:txBody>
              <a:bodyPr rtlCol="0" anchor="ctr"/>
              <a:lstStyle/>
              <a:p>
                <a:endParaRPr lang="en-US" sz="1050"/>
              </a:p>
            </p:txBody>
          </p:sp>
          <p:sp>
            <p:nvSpPr>
              <p:cNvPr id="41" name="Graphic 4">
                <a:extLst>
                  <a:ext uri="{FF2B5EF4-FFF2-40B4-BE49-F238E27FC236}">
                    <a16:creationId xmlns:a16="http://schemas.microsoft.com/office/drawing/2014/main" id="{3ADE7D94-75B7-472B-BE9C-AEC25C39AEAA}"/>
                  </a:ext>
                </a:extLst>
              </p:cNvPr>
              <p:cNvSpPr/>
              <p:nvPr/>
            </p:nvSpPr>
            <p:spPr>
              <a:xfrm>
                <a:off x="1096513" y="1118636"/>
                <a:ext cx="20447" cy="33196"/>
              </a:xfrm>
              <a:custGeom>
                <a:avLst/>
                <a:gdLst>
                  <a:gd name="connsiteX0" fmla="*/ 12780 w 20447"/>
                  <a:gd name="connsiteY0" fmla="*/ 0 h 33196"/>
                  <a:gd name="connsiteX1" fmla="*/ 0 w 20447"/>
                  <a:gd name="connsiteY1" fmla="*/ 13406 h 33196"/>
                  <a:gd name="connsiteX2" fmla="*/ 20448 w 20447"/>
                  <a:gd name="connsiteY2" fmla="*/ 33197 h 33196"/>
                </a:gdLst>
                <a:ahLst/>
                <a:cxnLst>
                  <a:cxn ang="0">
                    <a:pos x="connsiteX0" y="connsiteY0"/>
                  </a:cxn>
                  <a:cxn ang="0">
                    <a:pos x="connsiteX1" y="connsiteY1"/>
                  </a:cxn>
                  <a:cxn ang="0">
                    <a:pos x="connsiteX2" y="connsiteY2"/>
                  </a:cxn>
                </a:cxnLst>
                <a:rect l="l" t="t" r="r" b="b"/>
                <a:pathLst>
                  <a:path w="20447" h="33196">
                    <a:moveTo>
                      <a:pt x="12780" y="0"/>
                    </a:moveTo>
                    <a:lnTo>
                      <a:pt x="0" y="13406"/>
                    </a:lnTo>
                    <a:lnTo>
                      <a:pt x="20448" y="33197"/>
                    </a:lnTo>
                    <a:close/>
                  </a:path>
                </a:pathLst>
              </a:custGeom>
              <a:grpFill/>
              <a:ln w="6390" cap="flat">
                <a:noFill/>
                <a:prstDash val="solid"/>
                <a:miter/>
              </a:ln>
            </p:spPr>
            <p:txBody>
              <a:bodyPr rtlCol="0" anchor="ctr"/>
              <a:lstStyle/>
              <a:p>
                <a:endParaRPr lang="en-US" sz="1050"/>
              </a:p>
            </p:txBody>
          </p:sp>
          <p:sp>
            <p:nvSpPr>
              <p:cNvPr id="42" name="Graphic 4">
                <a:extLst>
                  <a:ext uri="{FF2B5EF4-FFF2-40B4-BE49-F238E27FC236}">
                    <a16:creationId xmlns:a16="http://schemas.microsoft.com/office/drawing/2014/main" id="{7136744D-7530-42D3-BE9D-0BFD1D2BB713}"/>
                  </a:ext>
                </a:extLst>
              </p:cNvPr>
              <p:cNvSpPr/>
              <p:nvPr/>
            </p:nvSpPr>
            <p:spPr>
              <a:xfrm>
                <a:off x="1068397" y="1103314"/>
                <a:ext cx="37700" cy="19151"/>
              </a:xfrm>
              <a:custGeom>
                <a:avLst/>
                <a:gdLst>
                  <a:gd name="connsiteX0" fmla="*/ 0 w 37700"/>
                  <a:gd name="connsiteY0" fmla="*/ 0 h 19151"/>
                  <a:gd name="connsiteX1" fmla="*/ 19170 w 37700"/>
                  <a:gd name="connsiteY1" fmla="*/ 19152 h 19151"/>
                  <a:gd name="connsiteX2" fmla="*/ 37701 w 37700"/>
                  <a:gd name="connsiteY2" fmla="*/ 0 h 19151"/>
                </a:gdLst>
                <a:ahLst/>
                <a:cxnLst>
                  <a:cxn ang="0">
                    <a:pos x="connsiteX0" y="connsiteY0"/>
                  </a:cxn>
                  <a:cxn ang="0">
                    <a:pos x="connsiteX1" y="connsiteY1"/>
                  </a:cxn>
                  <a:cxn ang="0">
                    <a:pos x="connsiteX2" y="connsiteY2"/>
                  </a:cxn>
                </a:cxnLst>
                <a:rect l="l" t="t" r="r" b="b"/>
                <a:pathLst>
                  <a:path w="37700" h="19151">
                    <a:moveTo>
                      <a:pt x="0" y="0"/>
                    </a:moveTo>
                    <a:lnTo>
                      <a:pt x="19170" y="19152"/>
                    </a:lnTo>
                    <a:lnTo>
                      <a:pt x="37701" y="0"/>
                    </a:lnTo>
                    <a:close/>
                  </a:path>
                </a:pathLst>
              </a:custGeom>
              <a:grpFill/>
              <a:ln w="6390" cap="flat">
                <a:noFill/>
                <a:prstDash val="solid"/>
                <a:miter/>
              </a:ln>
            </p:spPr>
            <p:txBody>
              <a:bodyPr rtlCol="0" anchor="ctr"/>
              <a:lstStyle/>
              <a:p>
                <a:endParaRPr lang="en-US" sz="1050"/>
              </a:p>
            </p:txBody>
          </p:sp>
          <p:sp>
            <p:nvSpPr>
              <p:cNvPr id="43" name="Graphic 4">
                <a:extLst>
                  <a:ext uri="{FF2B5EF4-FFF2-40B4-BE49-F238E27FC236}">
                    <a16:creationId xmlns:a16="http://schemas.microsoft.com/office/drawing/2014/main" id="{98864D7F-AEFC-4590-9E77-E5BD0EED944E}"/>
                  </a:ext>
                </a:extLst>
              </p:cNvPr>
              <p:cNvSpPr/>
              <p:nvPr/>
            </p:nvSpPr>
            <p:spPr>
              <a:xfrm>
                <a:off x="1056256" y="1117359"/>
                <a:ext cx="22364" cy="37027"/>
              </a:xfrm>
              <a:custGeom>
                <a:avLst/>
                <a:gdLst>
                  <a:gd name="connsiteX0" fmla="*/ 7668 w 22364"/>
                  <a:gd name="connsiteY0" fmla="*/ 0 h 37027"/>
                  <a:gd name="connsiteX1" fmla="*/ 0 w 22364"/>
                  <a:gd name="connsiteY1" fmla="*/ 37027 h 37027"/>
                  <a:gd name="connsiteX2" fmla="*/ 22365 w 22364"/>
                  <a:gd name="connsiteY2" fmla="*/ 14683 h 37027"/>
                </a:gdLst>
                <a:ahLst/>
                <a:cxnLst>
                  <a:cxn ang="0">
                    <a:pos x="connsiteX0" y="connsiteY0"/>
                  </a:cxn>
                  <a:cxn ang="0">
                    <a:pos x="connsiteX1" y="connsiteY1"/>
                  </a:cxn>
                  <a:cxn ang="0">
                    <a:pos x="connsiteX2" y="connsiteY2"/>
                  </a:cxn>
                </a:cxnLst>
                <a:rect l="l" t="t" r="r" b="b"/>
                <a:pathLst>
                  <a:path w="22364" h="37027">
                    <a:moveTo>
                      <a:pt x="7668" y="0"/>
                    </a:moveTo>
                    <a:lnTo>
                      <a:pt x="0" y="37027"/>
                    </a:lnTo>
                    <a:lnTo>
                      <a:pt x="22365" y="14683"/>
                    </a:lnTo>
                    <a:close/>
                  </a:path>
                </a:pathLst>
              </a:custGeom>
              <a:grpFill/>
              <a:ln w="6390" cap="flat">
                <a:noFill/>
                <a:prstDash val="solid"/>
                <a:miter/>
              </a:ln>
            </p:spPr>
            <p:txBody>
              <a:bodyPr rtlCol="0" anchor="ctr"/>
              <a:lstStyle/>
              <a:p>
                <a:endParaRPr lang="en-US" sz="1050"/>
              </a:p>
            </p:txBody>
          </p:sp>
          <p:sp>
            <p:nvSpPr>
              <p:cNvPr id="44" name="Graphic 4">
                <a:extLst>
                  <a:ext uri="{FF2B5EF4-FFF2-40B4-BE49-F238E27FC236}">
                    <a16:creationId xmlns:a16="http://schemas.microsoft.com/office/drawing/2014/main" id="{F60BE692-AD99-44CD-8CB8-64F872F283E6}"/>
                  </a:ext>
                </a:extLst>
              </p:cNvPr>
              <p:cNvSpPr/>
              <p:nvPr/>
            </p:nvSpPr>
            <p:spPr>
              <a:xfrm>
                <a:off x="1112488" y="1068841"/>
                <a:ext cx="45368" cy="21705"/>
              </a:xfrm>
              <a:custGeom>
                <a:avLst/>
                <a:gdLst>
                  <a:gd name="connsiteX0" fmla="*/ 45368 w 45368"/>
                  <a:gd name="connsiteY0" fmla="*/ 21706 h 21705"/>
                  <a:gd name="connsiteX1" fmla="*/ 0 w 45368"/>
                  <a:gd name="connsiteY1" fmla="*/ 0 h 21705"/>
                  <a:gd name="connsiteX2" fmla="*/ 4473 w 45368"/>
                  <a:gd name="connsiteY2" fmla="*/ 21706 h 21705"/>
                </a:gdLst>
                <a:ahLst/>
                <a:cxnLst>
                  <a:cxn ang="0">
                    <a:pos x="connsiteX0" y="connsiteY0"/>
                  </a:cxn>
                  <a:cxn ang="0">
                    <a:pos x="connsiteX1" y="connsiteY1"/>
                  </a:cxn>
                  <a:cxn ang="0">
                    <a:pos x="connsiteX2" y="connsiteY2"/>
                  </a:cxn>
                </a:cxnLst>
                <a:rect l="l" t="t" r="r" b="b"/>
                <a:pathLst>
                  <a:path w="45368" h="21705">
                    <a:moveTo>
                      <a:pt x="45368" y="21706"/>
                    </a:moveTo>
                    <a:lnTo>
                      <a:pt x="0" y="0"/>
                    </a:lnTo>
                    <a:lnTo>
                      <a:pt x="4473" y="21706"/>
                    </a:lnTo>
                    <a:close/>
                  </a:path>
                </a:pathLst>
              </a:custGeom>
              <a:grpFill/>
              <a:ln w="6390" cap="flat">
                <a:noFill/>
                <a:prstDash val="solid"/>
                <a:miter/>
              </a:ln>
            </p:spPr>
            <p:txBody>
              <a:bodyPr rtlCol="0" anchor="ctr"/>
              <a:lstStyle/>
              <a:p>
                <a:endParaRPr lang="en-US" sz="1050"/>
              </a:p>
            </p:txBody>
          </p:sp>
          <p:sp>
            <p:nvSpPr>
              <p:cNvPr id="45" name="Graphic 4">
                <a:extLst>
                  <a:ext uri="{FF2B5EF4-FFF2-40B4-BE49-F238E27FC236}">
                    <a16:creationId xmlns:a16="http://schemas.microsoft.com/office/drawing/2014/main" id="{CE315E35-19CD-4A9F-9908-E347B0C9B1B1}"/>
                  </a:ext>
                </a:extLst>
              </p:cNvPr>
              <p:cNvSpPr/>
              <p:nvPr/>
            </p:nvSpPr>
            <p:spPr>
              <a:xfrm>
                <a:off x="1096513" y="1066926"/>
                <a:ext cx="3833" cy="7022"/>
              </a:xfrm>
              <a:custGeom>
                <a:avLst/>
                <a:gdLst>
                  <a:gd name="connsiteX0" fmla="*/ 0 w 3833"/>
                  <a:gd name="connsiteY0" fmla="*/ 3192 h 7022"/>
                  <a:gd name="connsiteX1" fmla="*/ 3834 w 3833"/>
                  <a:gd name="connsiteY1" fmla="*/ 7022 h 7022"/>
                  <a:gd name="connsiteX2" fmla="*/ 2556 w 3833"/>
                  <a:gd name="connsiteY2" fmla="*/ 0 h 7022"/>
                </a:gdLst>
                <a:ahLst/>
                <a:cxnLst>
                  <a:cxn ang="0">
                    <a:pos x="connsiteX0" y="connsiteY0"/>
                  </a:cxn>
                  <a:cxn ang="0">
                    <a:pos x="connsiteX1" y="connsiteY1"/>
                  </a:cxn>
                  <a:cxn ang="0">
                    <a:pos x="connsiteX2" y="connsiteY2"/>
                  </a:cxn>
                </a:cxnLst>
                <a:rect l="l" t="t" r="r" b="b"/>
                <a:pathLst>
                  <a:path w="3833" h="7022">
                    <a:moveTo>
                      <a:pt x="0" y="3192"/>
                    </a:moveTo>
                    <a:lnTo>
                      <a:pt x="3834" y="7022"/>
                    </a:lnTo>
                    <a:lnTo>
                      <a:pt x="2556" y="0"/>
                    </a:lnTo>
                    <a:close/>
                  </a:path>
                </a:pathLst>
              </a:custGeom>
              <a:grpFill/>
              <a:ln w="6390" cap="flat">
                <a:noFill/>
                <a:prstDash val="solid"/>
                <a:miter/>
              </a:ln>
            </p:spPr>
            <p:txBody>
              <a:bodyPr rtlCol="0" anchor="ctr"/>
              <a:lstStyle/>
              <a:p>
                <a:endParaRPr lang="en-US" sz="1050"/>
              </a:p>
            </p:txBody>
          </p:sp>
          <p:sp>
            <p:nvSpPr>
              <p:cNvPr id="46" name="Graphic 4">
                <a:extLst>
                  <a:ext uri="{FF2B5EF4-FFF2-40B4-BE49-F238E27FC236}">
                    <a16:creationId xmlns:a16="http://schemas.microsoft.com/office/drawing/2014/main" id="{8E10EA7F-0790-42E3-8217-1F35C53BF98A}"/>
                  </a:ext>
                </a:extLst>
              </p:cNvPr>
              <p:cNvSpPr/>
              <p:nvPr/>
            </p:nvSpPr>
            <p:spPr>
              <a:xfrm>
                <a:off x="1075426" y="1079055"/>
                <a:ext cx="23642" cy="11491"/>
              </a:xfrm>
              <a:custGeom>
                <a:avLst/>
                <a:gdLst>
                  <a:gd name="connsiteX0" fmla="*/ 23643 w 23642"/>
                  <a:gd name="connsiteY0" fmla="*/ 11491 h 11491"/>
                  <a:gd name="connsiteX1" fmla="*/ 11502 w 23642"/>
                  <a:gd name="connsiteY1" fmla="*/ 0 h 11491"/>
                  <a:gd name="connsiteX2" fmla="*/ 0 w 23642"/>
                  <a:gd name="connsiteY2" fmla="*/ 11491 h 11491"/>
                </a:gdLst>
                <a:ahLst/>
                <a:cxnLst>
                  <a:cxn ang="0">
                    <a:pos x="connsiteX0" y="connsiteY0"/>
                  </a:cxn>
                  <a:cxn ang="0">
                    <a:pos x="connsiteX1" y="connsiteY1"/>
                  </a:cxn>
                  <a:cxn ang="0">
                    <a:pos x="connsiteX2" y="connsiteY2"/>
                  </a:cxn>
                </a:cxnLst>
                <a:rect l="l" t="t" r="r" b="b"/>
                <a:pathLst>
                  <a:path w="23642" h="11491">
                    <a:moveTo>
                      <a:pt x="23643" y="11491"/>
                    </a:moveTo>
                    <a:lnTo>
                      <a:pt x="11502" y="0"/>
                    </a:lnTo>
                    <a:lnTo>
                      <a:pt x="0" y="11491"/>
                    </a:lnTo>
                    <a:close/>
                  </a:path>
                </a:pathLst>
              </a:custGeom>
              <a:grpFill/>
              <a:ln w="6390" cap="flat">
                <a:noFill/>
                <a:prstDash val="solid"/>
                <a:miter/>
              </a:ln>
            </p:spPr>
            <p:txBody>
              <a:bodyPr rtlCol="0" anchor="ctr"/>
              <a:lstStyle/>
              <a:p>
                <a:endParaRPr lang="en-US" sz="1050"/>
              </a:p>
            </p:txBody>
          </p:sp>
          <p:sp>
            <p:nvSpPr>
              <p:cNvPr id="47" name="Graphic 4">
                <a:extLst>
                  <a:ext uri="{FF2B5EF4-FFF2-40B4-BE49-F238E27FC236}">
                    <a16:creationId xmlns:a16="http://schemas.microsoft.com/office/drawing/2014/main" id="{5DD79160-49F1-4DA9-99DB-6BB7DBF66072}"/>
                  </a:ext>
                </a:extLst>
              </p:cNvPr>
              <p:cNvSpPr/>
              <p:nvPr/>
            </p:nvSpPr>
            <p:spPr>
              <a:xfrm>
                <a:off x="1077343" y="1046497"/>
                <a:ext cx="18530" cy="14044"/>
              </a:xfrm>
              <a:custGeom>
                <a:avLst/>
                <a:gdLst>
                  <a:gd name="connsiteX0" fmla="*/ 9585 w 18530"/>
                  <a:gd name="connsiteY0" fmla="*/ 14045 h 14044"/>
                  <a:gd name="connsiteX1" fmla="*/ 18531 w 18530"/>
                  <a:gd name="connsiteY1" fmla="*/ 5746 h 14044"/>
                  <a:gd name="connsiteX2" fmla="*/ 17253 w 18530"/>
                  <a:gd name="connsiteY2" fmla="*/ 0 h 14044"/>
                  <a:gd name="connsiteX3" fmla="*/ 1278 w 18530"/>
                  <a:gd name="connsiteY3" fmla="*/ 0 h 14044"/>
                  <a:gd name="connsiteX4" fmla="*/ 0 w 18530"/>
                  <a:gd name="connsiteY4" fmla="*/ 4469 h 140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530" h="14044">
                    <a:moveTo>
                      <a:pt x="9585" y="14045"/>
                    </a:moveTo>
                    <a:lnTo>
                      <a:pt x="18531" y="5746"/>
                    </a:lnTo>
                    <a:lnTo>
                      <a:pt x="17253" y="0"/>
                    </a:lnTo>
                    <a:lnTo>
                      <a:pt x="1278" y="0"/>
                    </a:lnTo>
                    <a:lnTo>
                      <a:pt x="0" y="4469"/>
                    </a:lnTo>
                    <a:close/>
                  </a:path>
                </a:pathLst>
              </a:custGeom>
              <a:grpFill/>
              <a:ln w="6390" cap="flat">
                <a:noFill/>
                <a:prstDash val="solid"/>
                <a:miter/>
              </a:ln>
            </p:spPr>
            <p:txBody>
              <a:bodyPr rtlCol="0" anchor="ctr"/>
              <a:lstStyle/>
              <a:p>
                <a:endParaRPr lang="en-US" sz="1050"/>
              </a:p>
            </p:txBody>
          </p:sp>
          <p:sp>
            <p:nvSpPr>
              <p:cNvPr id="48" name="Graphic 4">
                <a:extLst>
                  <a:ext uri="{FF2B5EF4-FFF2-40B4-BE49-F238E27FC236}">
                    <a16:creationId xmlns:a16="http://schemas.microsoft.com/office/drawing/2014/main" id="{D0F508DA-0182-4FEE-A971-93E743C0735C}"/>
                  </a:ext>
                </a:extLst>
              </p:cNvPr>
              <p:cNvSpPr/>
              <p:nvPr/>
            </p:nvSpPr>
            <p:spPr>
              <a:xfrm>
                <a:off x="1046671" y="1140980"/>
                <a:ext cx="79874" cy="59370"/>
              </a:xfrm>
              <a:custGeom>
                <a:avLst/>
                <a:gdLst>
                  <a:gd name="connsiteX0" fmla="*/ 40896 w 79874"/>
                  <a:gd name="connsiteY0" fmla="*/ 0 h 59370"/>
                  <a:gd name="connsiteX1" fmla="*/ 4473 w 79874"/>
                  <a:gd name="connsiteY1" fmla="*/ 36389 h 59370"/>
                  <a:gd name="connsiteX2" fmla="*/ 0 w 79874"/>
                  <a:gd name="connsiteY2" fmla="*/ 59371 h 59370"/>
                  <a:gd name="connsiteX3" fmla="*/ 12141 w 79874"/>
                  <a:gd name="connsiteY3" fmla="*/ 59371 h 59370"/>
                  <a:gd name="connsiteX4" fmla="*/ 67733 w 79874"/>
                  <a:gd name="connsiteY4" fmla="*/ 59371 h 59370"/>
                  <a:gd name="connsiteX5" fmla="*/ 79874 w 79874"/>
                  <a:gd name="connsiteY5" fmla="*/ 59371 h 59370"/>
                  <a:gd name="connsiteX6" fmla="*/ 74762 w 79874"/>
                  <a:gd name="connsiteY6" fmla="*/ 33835 h 593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9874" h="59370">
                    <a:moveTo>
                      <a:pt x="40896" y="0"/>
                    </a:moveTo>
                    <a:lnTo>
                      <a:pt x="4473" y="36389"/>
                    </a:lnTo>
                    <a:lnTo>
                      <a:pt x="0" y="59371"/>
                    </a:lnTo>
                    <a:lnTo>
                      <a:pt x="12141" y="59371"/>
                    </a:lnTo>
                    <a:lnTo>
                      <a:pt x="67733" y="59371"/>
                    </a:lnTo>
                    <a:lnTo>
                      <a:pt x="79874" y="59371"/>
                    </a:lnTo>
                    <a:lnTo>
                      <a:pt x="74762" y="33835"/>
                    </a:lnTo>
                    <a:close/>
                  </a:path>
                </a:pathLst>
              </a:custGeom>
              <a:grpFill/>
              <a:ln w="6390" cap="flat">
                <a:noFill/>
                <a:prstDash val="solid"/>
                <a:miter/>
              </a:ln>
            </p:spPr>
            <p:txBody>
              <a:bodyPr rtlCol="0" anchor="ctr"/>
              <a:lstStyle/>
              <a:p>
                <a:endParaRPr lang="en-US" sz="1050"/>
              </a:p>
            </p:txBody>
          </p:sp>
          <p:sp>
            <p:nvSpPr>
              <p:cNvPr id="49" name="Graphic 4">
                <a:extLst>
                  <a:ext uri="{FF2B5EF4-FFF2-40B4-BE49-F238E27FC236}">
                    <a16:creationId xmlns:a16="http://schemas.microsoft.com/office/drawing/2014/main" id="{7D9AF9A1-6C02-4462-B486-098AA28F1E79}"/>
                  </a:ext>
                </a:extLst>
              </p:cNvPr>
              <p:cNvSpPr/>
              <p:nvPr/>
            </p:nvSpPr>
            <p:spPr>
              <a:xfrm>
                <a:off x="905454" y="918179"/>
                <a:ext cx="362309" cy="361971"/>
              </a:xfrm>
              <a:custGeom>
                <a:avLst/>
                <a:gdLst>
                  <a:gd name="connsiteX0" fmla="*/ 180835 w 362309"/>
                  <a:gd name="connsiteY0" fmla="*/ 0 h 361971"/>
                  <a:gd name="connsiteX1" fmla="*/ 0 w 362309"/>
                  <a:gd name="connsiteY1" fmla="*/ 181305 h 361971"/>
                  <a:gd name="connsiteX2" fmla="*/ 180835 w 362309"/>
                  <a:gd name="connsiteY2" fmla="*/ 361972 h 361971"/>
                  <a:gd name="connsiteX3" fmla="*/ 362309 w 362309"/>
                  <a:gd name="connsiteY3" fmla="*/ 181305 h 361971"/>
                  <a:gd name="connsiteX4" fmla="*/ 180835 w 362309"/>
                  <a:gd name="connsiteY4" fmla="*/ 0 h 361971"/>
                  <a:gd name="connsiteX5" fmla="*/ 180835 w 362309"/>
                  <a:gd name="connsiteY5" fmla="*/ 0 h 361971"/>
                  <a:gd name="connsiteX6" fmla="*/ 286269 w 362309"/>
                  <a:gd name="connsiteY6" fmla="*/ 194711 h 361971"/>
                  <a:gd name="connsiteX7" fmla="*/ 279879 w 362309"/>
                  <a:gd name="connsiteY7" fmla="*/ 201095 h 361971"/>
                  <a:gd name="connsiteX8" fmla="*/ 273489 w 362309"/>
                  <a:gd name="connsiteY8" fmla="*/ 194711 h 361971"/>
                  <a:gd name="connsiteX9" fmla="*/ 273489 w 362309"/>
                  <a:gd name="connsiteY9" fmla="*/ 185774 h 361971"/>
                  <a:gd name="connsiteX10" fmla="*/ 248569 w 362309"/>
                  <a:gd name="connsiteY10" fmla="*/ 185774 h 361971"/>
                  <a:gd name="connsiteX11" fmla="*/ 248569 w 362309"/>
                  <a:gd name="connsiteY11" fmla="*/ 194711 h 361971"/>
                  <a:gd name="connsiteX12" fmla="*/ 242179 w 362309"/>
                  <a:gd name="connsiteY12" fmla="*/ 201095 h 361971"/>
                  <a:gd name="connsiteX13" fmla="*/ 235789 w 362309"/>
                  <a:gd name="connsiteY13" fmla="*/ 194711 h 361971"/>
                  <a:gd name="connsiteX14" fmla="*/ 235789 w 362309"/>
                  <a:gd name="connsiteY14" fmla="*/ 185774 h 361971"/>
                  <a:gd name="connsiteX15" fmla="*/ 214063 w 362309"/>
                  <a:gd name="connsiteY15" fmla="*/ 185774 h 361971"/>
                  <a:gd name="connsiteX16" fmla="*/ 214063 w 362309"/>
                  <a:gd name="connsiteY16" fmla="*/ 187689 h 361971"/>
                  <a:gd name="connsiteX17" fmla="*/ 233872 w 362309"/>
                  <a:gd name="connsiteY17" fmla="*/ 282172 h 361971"/>
                  <a:gd name="connsiteX18" fmla="*/ 249208 w 362309"/>
                  <a:gd name="connsiteY18" fmla="*/ 282172 h 361971"/>
                  <a:gd name="connsiteX19" fmla="*/ 255597 w 362309"/>
                  <a:gd name="connsiteY19" fmla="*/ 288556 h 361971"/>
                  <a:gd name="connsiteX20" fmla="*/ 249208 w 362309"/>
                  <a:gd name="connsiteY20" fmla="*/ 294940 h 361971"/>
                  <a:gd name="connsiteX21" fmla="*/ 112463 w 362309"/>
                  <a:gd name="connsiteY21" fmla="*/ 294940 h 361971"/>
                  <a:gd name="connsiteX22" fmla="*/ 106073 w 362309"/>
                  <a:gd name="connsiteY22" fmla="*/ 288556 h 361971"/>
                  <a:gd name="connsiteX23" fmla="*/ 112463 w 362309"/>
                  <a:gd name="connsiteY23" fmla="*/ 282172 h 361971"/>
                  <a:gd name="connsiteX24" fmla="*/ 127799 w 362309"/>
                  <a:gd name="connsiteY24" fmla="*/ 282172 h 361971"/>
                  <a:gd name="connsiteX25" fmla="*/ 148247 w 362309"/>
                  <a:gd name="connsiteY25" fmla="*/ 185135 h 361971"/>
                  <a:gd name="connsiteX26" fmla="*/ 127799 w 362309"/>
                  <a:gd name="connsiteY26" fmla="*/ 185135 h 361971"/>
                  <a:gd name="connsiteX27" fmla="*/ 127799 w 362309"/>
                  <a:gd name="connsiteY27" fmla="*/ 194073 h 361971"/>
                  <a:gd name="connsiteX28" fmla="*/ 121409 w 362309"/>
                  <a:gd name="connsiteY28" fmla="*/ 200457 h 361971"/>
                  <a:gd name="connsiteX29" fmla="*/ 115019 w 362309"/>
                  <a:gd name="connsiteY29" fmla="*/ 194073 h 361971"/>
                  <a:gd name="connsiteX30" fmla="*/ 115019 w 362309"/>
                  <a:gd name="connsiteY30" fmla="*/ 185135 h 361971"/>
                  <a:gd name="connsiteX31" fmla="*/ 88820 w 362309"/>
                  <a:gd name="connsiteY31" fmla="*/ 185135 h 361971"/>
                  <a:gd name="connsiteX32" fmla="*/ 88820 w 362309"/>
                  <a:gd name="connsiteY32" fmla="*/ 194073 h 361971"/>
                  <a:gd name="connsiteX33" fmla="*/ 82430 w 362309"/>
                  <a:gd name="connsiteY33" fmla="*/ 200457 h 361971"/>
                  <a:gd name="connsiteX34" fmla="*/ 76040 w 362309"/>
                  <a:gd name="connsiteY34" fmla="*/ 194073 h 361971"/>
                  <a:gd name="connsiteX35" fmla="*/ 76040 w 362309"/>
                  <a:gd name="connsiteY35" fmla="*/ 178752 h 361971"/>
                  <a:gd name="connsiteX36" fmla="*/ 76040 w 362309"/>
                  <a:gd name="connsiteY36" fmla="*/ 178752 h 361971"/>
                  <a:gd name="connsiteX37" fmla="*/ 76040 w 362309"/>
                  <a:gd name="connsiteY37" fmla="*/ 178113 h 361971"/>
                  <a:gd name="connsiteX38" fmla="*/ 76040 w 362309"/>
                  <a:gd name="connsiteY38" fmla="*/ 177475 h 361971"/>
                  <a:gd name="connsiteX39" fmla="*/ 76040 w 362309"/>
                  <a:gd name="connsiteY39" fmla="*/ 175560 h 361971"/>
                  <a:gd name="connsiteX40" fmla="*/ 76679 w 362309"/>
                  <a:gd name="connsiteY40" fmla="*/ 174921 h 361971"/>
                  <a:gd name="connsiteX41" fmla="*/ 77318 w 362309"/>
                  <a:gd name="connsiteY41" fmla="*/ 173644 h 361971"/>
                  <a:gd name="connsiteX42" fmla="*/ 77957 w 362309"/>
                  <a:gd name="connsiteY42" fmla="*/ 173006 h 361971"/>
                  <a:gd name="connsiteX43" fmla="*/ 78596 w 362309"/>
                  <a:gd name="connsiteY43" fmla="*/ 172368 h 361971"/>
                  <a:gd name="connsiteX44" fmla="*/ 157831 w 362309"/>
                  <a:gd name="connsiteY44" fmla="*/ 133425 h 361971"/>
                  <a:gd name="connsiteX45" fmla="*/ 159110 w 362309"/>
                  <a:gd name="connsiteY45" fmla="*/ 127041 h 361971"/>
                  <a:gd name="connsiteX46" fmla="*/ 113102 w 362309"/>
                  <a:gd name="connsiteY46" fmla="*/ 127041 h 361971"/>
                  <a:gd name="connsiteX47" fmla="*/ 113102 w 362309"/>
                  <a:gd name="connsiteY47" fmla="*/ 132148 h 361971"/>
                  <a:gd name="connsiteX48" fmla="*/ 106712 w 362309"/>
                  <a:gd name="connsiteY48" fmla="*/ 138532 h 361971"/>
                  <a:gd name="connsiteX49" fmla="*/ 100322 w 362309"/>
                  <a:gd name="connsiteY49" fmla="*/ 132148 h 361971"/>
                  <a:gd name="connsiteX50" fmla="*/ 100322 w 362309"/>
                  <a:gd name="connsiteY50" fmla="*/ 120657 h 361971"/>
                  <a:gd name="connsiteX51" fmla="*/ 100322 w 362309"/>
                  <a:gd name="connsiteY51" fmla="*/ 120019 h 361971"/>
                  <a:gd name="connsiteX52" fmla="*/ 100961 w 362309"/>
                  <a:gd name="connsiteY52" fmla="*/ 118742 h 361971"/>
                  <a:gd name="connsiteX53" fmla="*/ 101600 w 362309"/>
                  <a:gd name="connsiteY53" fmla="*/ 118104 h 361971"/>
                  <a:gd name="connsiteX54" fmla="*/ 102239 w 362309"/>
                  <a:gd name="connsiteY54" fmla="*/ 116827 h 361971"/>
                  <a:gd name="connsiteX55" fmla="*/ 103517 w 362309"/>
                  <a:gd name="connsiteY55" fmla="*/ 116188 h 361971"/>
                  <a:gd name="connsiteX56" fmla="*/ 104156 w 362309"/>
                  <a:gd name="connsiteY56" fmla="*/ 115550 h 361971"/>
                  <a:gd name="connsiteX57" fmla="*/ 168694 w 362309"/>
                  <a:gd name="connsiteY57" fmla="*/ 84269 h 361971"/>
                  <a:gd name="connsiteX58" fmla="*/ 174445 w 362309"/>
                  <a:gd name="connsiteY58" fmla="*/ 57456 h 361971"/>
                  <a:gd name="connsiteX59" fmla="*/ 179557 w 362309"/>
                  <a:gd name="connsiteY59" fmla="*/ 51710 h 361971"/>
                  <a:gd name="connsiteX60" fmla="*/ 184030 w 362309"/>
                  <a:gd name="connsiteY60" fmla="*/ 52349 h 361971"/>
                  <a:gd name="connsiteX61" fmla="*/ 187864 w 362309"/>
                  <a:gd name="connsiteY61" fmla="*/ 58094 h 361971"/>
                  <a:gd name="connsiteX62" fmla="*/ 193615 w 362309"/>
                  <a:gd name="connsiteY62" fmla="*/ 84269 h 361971"/>
                  <a:gd name="connsiteX63" fmla="*/ 257514 w 362309"/>
                  <a:gd name="connsiteY63" fmla="*/ 115550 h 361971"/>
                  <a:gd name="connsiteX64" fmla="*/ 257514 w 362309"/>
                  <a:gd name="connsiteY64" fmla="*/ 115550 h 361971"/>
                  <a:gd name="connsiteX65" fmla="*/ 258154 w 362309"/>
                  <a:gd name="connsiteY65" fmla="*/ 115550 h 361971"/>
                  <a:gd name="connsiteX66" fmla="*/ 258792 w 362309"/>
                  <a:gd name="connsiteY66" fmla="*/ 116188 h 361971"/>
                  <a:gd name="connsiteX67" fmla="*/ 260070 w 362309"/>
                  <a:gd name="connsiteY67" fmla="*/ 117465 h 361971"/>
                  <a:gd name="connsiteX68" fmla="*/ 260709 w 362309"/>
                  <a:gd name="connsiteY68" fmla="*/ 118104 h 361971"/>
                  <a:gd name="connsiteX69" fmla="*/ 261348 w 362309"/>
                  <a:gd name="connsiteY69" fmla="*/ 119380 h 361971"/>
                  <a:gd name="connsiteX70" fmla="*/ 261348 w 362309"/>
                  <a:gd name="connsiteY70" fmla="*/ 120657 h 361971"/>
                  <a:gd name="connsiteX71" fmla="*/ 261348 w 362309"/>
                  <a:gd name="connsiteY71" fmla="*/ 121934 h 361971"/>
                  <a:gd name="connsiteX72" fmla="*/ 261348 w 362309"/>
                  <a:gd name="connsiteY72" fmla="*/ 133425 h 361971"/>
                  <a:gd name="connsiteX73" fmla="*/ 254959 w 362309"/>
                  <a:gd name="connsiteY73" fmla="*/ 139809 h 361971"/>
                  <a:gd name="connsiteX74" fmla="*/ 248569 w 362309"/>
                  <a:gd name="connsiteY74" fmla="*/ 133425 h 361971"/>
                  <a:gd name="connsiteX75" fmla="*/ 248569 w 362309"/>
                  <a:gd name="connsiteY75" fmla="*/ 128318 h 361971"/>
                  <a:gd name="connsiteX76" fmla="*/ 202561 w 362309"/>
                  <a:gd name="connsiteY76" fmla="*/ 128318 h 361971"/>
                  <a:gd name="connsiteX77" fmla="*/ 203839 w 362309"/>
                  <a:gd name="connsiteY77" fmla="*/ 134702 h 361971"/>
                  <a:gd name="connsiteX78" fmla="*/ 283074 w 362309"/>
                  <a:gd name="connsiteY78" fmla="*/ 173644 h 361971"/>
                  <a:gd name="connsiteX79" fmla="*/ 283713 w 362309"/>
                  <a:gd name="connsiteY79" fmla="*/ 174283 h 361971"/>
                  <a:gd name="connsiteX80" fmla="*/ 284991 w 362309"/>
                  <a:gd name="connsiteY80" fmla="*/ 174921 h 361971"/>
                  <a:gd name="connsiteX81" fmla="*/ 285630 w 362309"/>
                  <a:gd name="connsiteY81" fmla="*/ 175560 h 361971"/>
                  <a:gd name="connsiteX82" fmla="*/ 286269 w 362309"/>
                  <a:gd name="connsiteY82" fmla="*/ 176836 h 361971"/>
                  <a:gd name="connsiteX83" fmla="*/ 286908 w 362309"/>
                  <a:gd name="connsiteY83" fmla="*/ 179390 h 361971"/>
                  <a:gd name="connsiteX84" fmla="*/ 286269 w 362309"/>
                  <a:gd name="connsiteY84" fmla="*/ 194711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Lst>
                <a:rect l="l" t="t" r="r" b="b"/>
                <a:pathLst>
                  <a:path w="362309" h="361971">
                    <a:moveTo>
                      <a:pt x="180835" y="0"/>
                    </a:moveTo>
                    <a:cubicBezTo>
                      <a:pt x="80513" y="0"/>
                      <a:pt x="0" y="81077"/>
                      <a:pt x="0" y="181305"/>
                    </a:cubicBezTo>
                    <a:cubicBezTo>
                      <a:pt x="0" y="281534"/>
                      <a:pt x="81152" y="361972"/>
                      <a:pt x="180835" y="361972"/>
                    </a:cubicBezTo>
                    <a:cubicBezTo>
                      <a:pt x="280518" y="361972"/>
                      <a:pt x="362309" y="280895"/>
                      <a:pt x="362309" y="181305"/>
                    </a:cubicBezTo>
                    <a:cubicBezTo>
                      <a:pt x="362309" y="81715"/>
                      <a:pt x="281157" y="0"/>
                      <a:pt x="180835" y="0"/>
                    </a:cubicBezTo>
                    <a:cubicBezTo>
                      <a:pt x="180835" y="0"/>
                      <a:pt x="180835" y="0"/>
                      <a:pt x="180835" y="0"/>
                    </a:cubicBezTo>
                    <a:close/>
                    <a:moveTo>
                      <a:pt x="286269" y="194711"/>
                    </a:moveTo>
                    <a:cubicBezTo>
                      <a:pt x="286269" y="198542"/>
                      <a:pt x="283713" y="201095"/>
                      <a:pt x="279879" y="201095"/>
                    </a:cubicBezTo>
                    <a:cubicBezTo>
                      <a:pt x="276045" y="201095"/>
                      <a:pt x="273489" y="198542"/>
                      <a:pt x="273489" y="194711"/>
                    </a:cubicBezTo>
                    <a:lnTo>
                      <a:pt x="273489" y="185774"/>
                    </a:lnTo>
                    <a:lnTo>
                      <a:pt x="248569" y="185774"/>
                    </a:lnTo>
                    <a:lnTo>
                      <a:pt x="248569" y="194711"/>
                    </a:lnTo>
                    <a:cubicBezTo>
                      <a:pt x="248569" y="198542"/>
                      <a:pt x="246013" y="201095"/>
                      <a:pt x="242179" y="201095"/>
                    </a:cubicBezTo>
                    <a:cubicBezTo>
                      <a:pt x="238345" y="201095"/>
                      <a:pt x="235789" y="198542"/>
                      <a:pt x="235789" y="194711"/>
                    </a:cubicBezTo>
                    <a:lnTo>
                      <a:pt x="235789" y="185774"/>
                    </a:lnTo>
                    <a:lnTo>
                      <a:pt x="214063" y="185774"/>
                    </a:lnTo>
                    <a:cubicBezTo>
                      <a:pt x="214063" y="186412"/>
                      <a:pt x="214063" y="187051"/>
                      <a:pt x="214063" y="187689"/>
                    </a:cubicBezTo>
                    <a:lnTo>
                      <a:pt x="233872" y="282172"/>
                    </a:lnTo>
                    <a:lnTo>
                      <a:pt x="249208" y="282172"/>
                    </a:lnTo>
                    <a:cubicBezTo>
                      <a:pt x="253042" y="282172"/>
                      <a:pt x="255597" y="284726"/>
                      <a:pt x="255597" y="288556"/>
                    </a:cubicBezTo>
                    <a:cubicBezTo>
                      <a:pt x="255597" y="292386"/>
                      <a:pt x="253042" y="294940"/>
                      <a:pt x="249208" y="294940"/>
                    </a:cubicBezTo>
                    <a:lnTo>
                      <a:pt x="112463" y="294940"/>
                    </a:lnTo>
                    <a:cubicBezTo>
                      <a:pt x="108629" y="294940"/>
                      <a:pt x="106073" y="292386"/>
                      <a:pt x="106073" y="288556"/>
                    </a:cubicBezTo>
                    <a:cubicBezTo>
                      <a:pt x="106073" y="284726"/>
                      <a:pt x="108629" y="282172"/>
                      <a:pt x="112463" y="282172"/>
                    </a:cubicBezTo>
                    <a:lnTo>
                      <a:pt x="127799" y="282172"/>
                    </a:lnTo>
                    <a:lnTo>
                      <a:pt x="148247" y="185135"/>
                    </a:lnTo>
                    <a:lnTo>
                      <a:pt x="127799" y="185135"/>
                    </a:lnTo>
                    <a:lnTo>
                      <a:pt x="127799" y="194073"/>
                    </a:lnTo>
                    <a:cubicBezTo>
                      <a:pt x="127799" y="197903"/>
                      <a:pt x="125243" y="200457"/>
                      <a:pt x="121409" y="200457"/>
                    </a:cubicBezTo>
                    <a:cubicBezTo>
                      <a:pt x="117575" y="200457"/>
                      <a:pt x="115019" y="197903"/>
                      <a:pt x="115019" y="194073"/>
                    </a:cubicBezTo>
                    <a:lnTo>
                      <a:pt x="115019" y="185135"/>
                    </a:lnTo>
                    <a:lnTo>
                      <a:pt x="88820" y="185135"/>
                    </a:lnTo>
                    <a:lnTo>
                      <a:pt x="88820" y="194073"/>
                    </a:lnTo>
                    <a:cubicBezTo>
                      <a:pt x="88820" y="197903"/>
                      <a:pt x="86264" y="200457"/>
                      <a:pt x="82430" y="200457"/>
                    </a:cubicBezTo>
                    <a:cubicBezTo>
                      <a:pt x="78596" y="200457"/>
                      <a:pt x="76040" y="197903"/>
                      <a:pt x="76040" y="194073"/>
                    </a:cubicBezTo>
                    <a:lnTo>
                      <a:pt x="76040" y="178752"/>
                    </a:lnTo>
                    <a:lnTo>
                      <a:pt x="76040" y="178752"/>
                    </a:lnTo>
                    <a:lnTo>
                      <a:pt x="76040" y="178113"/>
                    </a:lnTo>
                    <a:cubicBezTo>
                      <a:pt x="76040" y="178113"/>
                      <a:pt x="76040" y="177475"/>
                      <a:pt x="76040" y="177475"/>
                    </a:cubicBezTo>
                    <a:cubicBezTo>
                      <a:pt x="76040" y="176836"/>
                      <a:pt x="76040" y="176198"/>
                      <a:pt x="76040" y="175560"/>
                    </a:cubicBezTo>
                    <a:cubicBezTo>
                      <a:pt x="76040" y="175560"/>
                      <a:pt x="76040" y="174921"/>
                      <a:pt x="76679" y="174921"/>
                    </a:cubicBezTo>
                    <a:cubicBezTo>
                      <a:pt x="76679" y="174283"/>
                      <a:pt x="77318" y="174283"/>
                      <a:pt x="77318" y="173644"/>
                    </a:cubicBezTo>
                    <a:lnTo>
                      <a:pt x="77957" y="173006"/>
                    </a:lnTo>
                    <a:cubicBezTo>
                      <a:pt x="77957" y="173006"/>
                      <a:pt x="78596" y="172368"/>
                      <a:pt x="78596" y="172368"/>
                    </a:cubicBezTo>
                    <a:lnTo>
                      <a:pt x="157831" y="133425"/>
                    </a:lnTo>
                    <a:lnTo>
                      <a:pt x="159110" y="127041"/>
                    </a:lnTo>
                    <a:lnTo>
                      <a:pt x="113102" y="127041"/>
                    </a:lnTo>
                    <a:lnTo>
                      <a:pt x="113102" y="132148"/>
                    </a:lnTo>
                    <a:cubicBezTo>
                      <a:pt x="113102" y="135979"/>
                      <a:pt x="110546" y="138532"/>
                      <a:pt x="106712" y="138532"/>
                    </a:cubicBezTo>
                    <a:cubicBezTo>
                      <a:pt x="102878" y="138532"/>
                      <a:pt x="100322" y="135979"/>
                      <a:pt x="100322" y="132148"/>
                    </a:cubicBezTo>
                    <a:lnTo>
                      <a:pt x="100322" y="120657"/>
                    </a:lnTo>
                    <a:cubicBezTo>
                      <a:pt x="100322" y="120657"/>
                      <a:pt x="100322" y="120019"/>
                      <a:pt x="100322" y="120019"/>
                    </a:cubicBezTo>
                    <a:cubicBezTo>
                      <a:pt x="100322" y="119380"/>
                      <a:pt x="100322" y="118742"/>
                      <a:pt x="100961" y="118742"/>
                    </a:cubicBezTo>
                    <a:cubicBezTo>
                      <a:pt x="100961" y="118104"/>
                      <a:pt x="100961" y="118104"/>
                      <a:pt x="101600" y="118104"/>
                    </a:cubicBezTo>
                    <a:cubicBezTo>
                      <a:pt x="101600" y="117465"/>
                      <a:pt x="102239" y="117465"/>
                      <a:pt x="102239" y="116827"/>
                    </a:cubicBezTo>
                    <a:cubicBezTo>
                      <a:pt x="102878" y="116188"/>
                      <a:pt x="102878" y="116188"/>
                      <a:pt x="103517" y="116188"/>
                    </a:cubicBezTo>
                    <a:lnTo>
                      <a:pt x="104156" y="115550"/>
                    </a:lnTo>
                    <a:lnTo>
                      <a:pt x="168694" y="84269"/>
                    </a:lnTo>
                    <a:lnTo>
                      <a:pt x="174445" y="57456"/>
                    </a:lnTo>
                    <a:cubicBezTo>
                      <a:pt x="174445" y="54902"/>
                      <a:pt x="176362" y="52349"/>
                      <a:pt x="179557" y="51710"/>
                    </a:cubicBezTo>
                    <a:cubicBezTo>
                      <a:pt x="180835" y="51072"/>
                      <a:pt x="182752" y="51710"/>
                      <a:pt x="184030" y="52349"/>
                    </a:cubicBezTo>
                    <a:cubicBezTo>
                      <a:pt x="185947" y="53626"/>
                      <a:pt x="187864" y="55541"/>
                      <a:pt x="187864" y="58094"/>
                    </a:cubicBezTo>
                    <a:lnTo>
                      <a:pt x="193615" y="84269"/>
                    </a:lnTo>
                    <a:lnTo>
                      <a:pt x="257514" y="115550"/>
                    </a:lnTo>
                    <a:lnTo>
                      <a:pt x="257514" y="115550"/>
                    </a:lnTo>
                    <a:lnTo>
                      <a:pt x="258154" y="115550"/>
                    </a:lnTo>
                    <a:cubicBezTo>
                      <a:pt x="258154" y="115550"/>
                      <a:pt x="258154" y="115550"/>
                      <a:pt x="258792" y="116188"/>
                    </a:cubicBezTo>
                    <a:cubicBezTo>
                      <a:pt x="259431" y="116188"/>
                      <a:pt x="259431" y="116827"/>
                      <a:pt x="260070" y="117465"/>
                    </a:cubicBezTo>
                    <a:cubicBezTo>
                      <a:pt x="260070" y="117465"/>
                      <a:pt x="260709" y="118104"/>
                      <a:pt x="260709" y="118104"/>
                    </a:cubicBezTo>
                    <a:cubicBezTo>
                      <a:pt x="260709" y="118742"/>
                      <a:pt x="261348" y="118742"/>
                      <a:pt x="261348" y="119380"/>
                    </a:cubicBezTo>
                    <a:cubicBezTo>
                      <a:pt x="261348" y="120019"/>
                      <a:pt x="261348" y="120019"/>
                      <a:pt x="261348" y="120657"/>
                    </a:cubicBezTo>
                    <a:cubicBezTo>
                      <a:pt x="261348" y="121296"/>
                      <a:pt x="261348" y="121296"/>
                      <a:pt x="261348" y="121934"/>
                    </a:cubicBezTo>
                    <a:lnTo>
                      <a:pt x="261348" y="133425"/>
                    </a:lnTo>
                    <a:cubicBezTo>
                      <a:pt x="261348" y="137256"/>
                      <a:pt x="258792" y="139809"/>
                      <a:pt x="254959" y="139809"/>
                    </a:cubicBezTo>
                    <a:cubicBezTo>
                      <a:pt x="251125" y="139809"/>
                      <a:pt x="248569" y="137256"/>
                      <a:pt x="248569" y="133425"/>
                    </a:cubicBezTo>
                    <a:lnTo>
                      <a:pt x="248569" y="128318"/>
                    </a:lnTo>
                    <a:lnTo>
                      <a:pt x="202561" y="128318"/>
                    </a:lnTo>
                    <a:lnTo>
                      <a:pt x="203839" y="134702"/>
                    </a:lnTo>
                    <a:lnTo>
                      <a:pt x="283074" y="173644"/>
                    </a:lnTo>
                    <a:cubicBezTo>
                      <a:pt x="283074" y="173644"/>
                      <a:pt x="283713" y="174283"/>
                      <a:pt x="283713" y="174283"/>
                    </a:cubicBezTo>
                    <a:cubicBezTo>
                      <a:pt x="284352" y="174283"/>
                      <a:pt x="284352" y="174921"/>
                      <a:pt x="284991" y="174921"/>
                    </a:cubicBezTo>
                    <a:cubicBezTo>
                      <a:pt x="284991" y="174921"/>
                      <a:pt x="285630" y="175560"/>
                      <a:pt x="285630" y="175560"/>
                    </a:cubicBezTo>
                    <a:cubicBezTo>
                      <a:pt x="285630" y="176198"/>
                      <a:pt x="286269" y="176198"/>
                      <a:pt x="286269" y="176836"/>
                    </a:cubicBezTo>
                    <a:cubicBezTo>
                      <a:pt x="286269" y="177475"/>
                      <a:pt x="286269" y="178113"/>
                      <a:pt x="286908" y="179390"/>
                    </a:cubicBezTo>
                    <a:lnTo>
                      <a:pt x="286269" y="194711"/>
                    </a:lnTo>
                    <a:close/>
                  </a:path>
                </a:pathLst>
              </a:custGeom>
              <a:grpFill/>
              <a:ln w="6390" cap="flat">
                <a:noFill/>
                <a:prstDash val="solid"/>
                <a:miter/>
              </a:ln>
            </p:spPr>
            <p:txBody>
              <a:bodyPr rtlCol="0" anchor="ctr"/>
              <a:lstStyle/>
              <a:p>
                <a:endParaRPr lang="en-US" sz="1050"/>
              </a:p>
            </p:txBody>
          </p:sp>
          <p:sp>
            <p:nvSpPr>
              <p:cNvPr id="50" name="Graphic 4">
                <a:extLst>
                  <a:ext uri="{FF2B5EF4-FFF2-40B4-BE49-F238E27FC236}">
                    <a16:creationId xmlns:a16="http://schemas.microsoft.com/office/drawing/2014/main" id="{C832085E-7FF4-4223-B3C9-4B028375CD9F}"/>
                  </a:ext>
                </a:extLst>
              </p:cNvPr>
              <p:cNvSpPr/>
              <p:nvPr/>
            </p:nvSpPr>
            <p:spPr>
              <a:xfrm>
                <a:off x="1101625" y="1019046"/>
                <a:ext cx="30671" cy="14683"/>
              </a:xfrm>
              <a:custGeom>
                <a:avLst/>
                <a:gdLst>
                  <a:gd name="connsiteX0" fmla="*/ 30672 w 30671"/>
                  <a:gd name="connsiteY0" fmla="*/ 14683 h 14683"/>
                  <a:gd name="connsiteX1" fmla="*/ 0 w 30671"/>
                  <a:gd name="connsiteY1" fmla="*/ 0 h 14683"/>
                  <a:gd name="connsiteX2" fmla="*/ 3195 w 30671"/>
                  <a:gd name="connsiteY2" fmla="*/ 14683 h 14683"/>
                </a:gdLst>
                <a:ahLst/>
                <a:cxnLst>
                  <a:cxn ang="0">
                    <a:pos x="connsiteX0" y="connsiteY0"/>
                  </a:cxn>
                  <a:cxn ang="0">
                    <a:pos x="connsiteX1" y="connsiteY1"/>
                  </a:cxn>
                  <a:cxn ang="0">
                    <a:pos x="connsiteX2" y="connsiteY2"/>
                  </a:cxn>
                </a:cxnLst>
                <a:rect l="l" t="t" r="r" b="b"/>
                <a:pathLst>
                  <a:path w="30671" h="14683">
                    <a:moveTo>
                      <a:pt x="30672" y="14683"/>
                    </a:moveTo>
                    <a:lnTo>
                      <a:pt x="0" y="0"/>
                    </a:lnTo>
                    <a:lnTo>
                      <a:pt x="3195" y="14683"/>
                    </a:lnTo>
                    <a:close/>
                  </a:path>
                </a:pathLst>
              </a:custGeom>
              <a:grpFill/>
              <a:ln w="6390" cap="flat">
                <a:noFill/>
                <a:prstDash val="solid"/>
                <a:miter/>
              </a:ln>
            </p:spPr>
            <p:txBody>
              <a:bodyPr rtlCol="0" anchor="ctr"/>
              <a:lstStyle/>
              <a:p>
                <a:endParaRPr lang="en-US" sz="1050"/>
              </a:p>
            </p:txBody>
          </p:sp>
          <p:sp>
            <p:nvSpPr>
              <p:cNvPr id="51" name="Graphic 4">
                <a:extLst>
                  <a:ext uri="{FF2B5EF4-FFF2-40B4-BE49-F238E27FC236}">
                    <a16:creationId xmlns:a16="http://schemas.microsoft.com/office/drawing/2014/main" id="{213FDF35-9E5C-4351-9A6F-13F5A30564E2}"/>
                  </a:ext>
                </a:extLst>
              </p:cNvPr>
              <p:cNvSpPr/>
              <p:nvPr/>
            </p:nvSpPr>
            <p:spPr>
              <a:xfrm>
                <a:off x="1015360" y="1068841"/>
                <a:ext cx="45368" cy="21705"/>
              </a:xfrm>
              <a:custGeom>
                <a:avLst/>
                <a:gdLst>
                  <a:gd name="connsiteX0" fmla="*/ 0 w 45368"/>
                  <a:gd name="connsiteY0" fmla="*/ 21706 h 21705"/>
                  <a:gd name="connsiteX1" fmla="*/ 40896 w 45368"/>
                  <a:gd name="connsiteY1" fmla="*/ 21706 h 21705"/>
                  <a:gd name="connsiteX2" fmla="*/ 45369 w 45368"/>
                  <a:gd name="connsiteY2" fmla="*/ 0 h 21705"/>
                </a:gdLst>
                <a:ahLst/>
                <a:cxnLst>
                  <a:cxn ang="0">
                    <a:pos x="connsiteX0" y="connsiteY0"/>
                  </a:cxn>
                  <a:cxn ang="0">
                    <a:pos x="connsiteX1" y="connsiteY1"/>
                  </a:cxn>
                  <a:cxn ang="0">
                    <a:pos x="connsiteX2" y="connsiteY2"/>
                  </a:cxn>
                </a:cxnLst>
                <a:rect l="l" t="t" r="r" b="b"/>
                <a:pathLst>
                  <a:path w="45368" h="21705">
                    <a:moveTo>
                      <a:pt x="0" y="21706"/>
                    </a:moveTo>
                    <a:lnTo>
                      <a:pt x="40896" y="21706"/>
                    </a:lnTo>
                    <a:lnTo>
                      <a:pt x="45369" y="0"/>
                    </a:lnTo>
                    <a:close/>
                  </a:path>
                </a:pathLst>
              </a:custGeom>
              <a:grpFill/>
              <a:ln w="6390" cap="flat">
                <a:noFill/>
                <a:prstDash val="solid"/>
                <a:miter/>
              </a:ln>
            </p:spPr>
            <p:txBody>
              <a:bodyPr rtlCol="0" anchor="ctr"/>
              <a:lstStyle/>
              <a:p>
                <a:endParaRPr lang="en-US" sz="1050"/>
              </a:p>
            </p:txBody>
          </p:sp>
          <p:sp>
            <p:nvSpPr>
              <p:cNvPr id="52" name="Graphic 4">
                <a:extLst>
                  <a:ext uri="{FF2B5EF4-FFF2-40B4-BE49-F238E27FC236}">
                    <a16:creationId xmlns:a16="http://schemas.microsoft.com/office/drawing/2014/main" id="{96EE01E7-C586-4594-BF8F-8E9325ADFEAF}"/>
                  </a:ext>
                </a:extLst>
              </p:cNvPr>
              <p:cNvSpPr/>
              <p:nvPr/>
            </p:nvSpPr>
            <p:spPr>
              <a:xfrm>
                <a:off x="1040920" y="1019046"/>
                <a:ext cx="30671" cy="14683"/>
              </a:xfrm>
              <a:custGeom>
                <a:avLst/>
                <a:gdLst>
                  <a:gd name="connsiteX0" fmla="*/ 0 w 30671"/>
                  <a:gd name="connsiteY0" fmla="*/ 14683 h 14683"/>
                  <a:gd name="connsiteX1" fmla="*/ 27477 w 30671"/>
                  <a:gd name="connsiteY1" fmla="*/ 14683 h 14683"/>
                  <a:gd name="connsiteX2" fmla="*/ 30672 w 30671"/>
                  <a:gd name="connsiteY2" fmla="*/ 0 h 14683"/>
                </a:gdLst>
                <a:ahLst/>
                <a:cxnLst>
                  <a:cxn ang="0">
                    <a:pos x="connsiteX0" y="connsiteY0"/>
                  </a:cxn>
                  <a:cxn ang="0">
                    <a:pos x="connsiteX1" y="connsiteY1"/>
                  </a:cxn>
                  <a:cxn ang="0">
                    <a:pos x="connsiteX2" y="connsiteY2"/>
                  </a:cxn>
                </a:cxnLst>
                <a:rect l="l" t="t" r="r" b="b"/>
                <a:pathLst>
                  <a:path w="30671" h="14683">
                    <a:moveTo>
                      <a:pt x="0" y="14683"/>
                    </a:moveTo>
                    <a:lnTo>
                      <a:pt x="27477" y="14683"/>
                    </a:lnTo>
                    <a:lnTo>
                      <a:pt x="30672" y="0"/>
                    </a:lnTo>
                    <a:close/>
                  </a:path>
                </a:pathLst>
              </a:custGeom>
              <a:grpFill/>
              <a:ln w="6390" cap="flat">
                <a:noFill/>
                <a:prstDash val="solid"/>
                <a:miter/>
              </a:ln>
            </p:spPr>
            <p:txBody>
              <a:bodyPr rtlCol="0" anchor="ctr"/>
              <a:lstStyle/>
              <a:p>
                <a:endParaRPr lang="en-US" sz="1050"/>
              </a:p>
            </p:txBody>
          </p:sp>
          <p:sp>
            <p:nvSpPr>
              <p:cNvPr id="53" name="Graphic 4">
                <a:extLst>
                  <a:ext uri="{FF2B5EF4-FFF2-40B4-BE49-F238E27FC236}">
                    <a16:creationId xmlns:a16="http://schemas.microsoft.com/office/drawing/2014/main" id="{AD5D9273-8C50-46D2-8C8E-F4A5CAFA2A10}"/>
                  </a:ext>
                </a:extLst>
              </p:cNvPr>
              <p:cNvSpPr/>
              <p:nvPr/>
            </p:nvSpPr>
            <p:spPr>
              <a:xfrm>
                <a:off x="1081177" y="1008193"/>
                <a:ext cx="10862" cy="25535"/>
              </a:xfrm>
              <a:custGeom>
                <a:avLst/>
                <a:gdLst>
                  <a:gd name="connsiteX0" fmla="*/ 10863 w 10862"/>
                  <a:gd name="connsiteY0" fmla="*/ 25536 h 25535"/>
                  <a:gd name="connsiteX1" fmla="*/ 5112 w 10862"/>
                  <a:gd name="connsiteY1" fmla="*/ 0 h 25535"/>
                  <a:gd name="connsiteX2" fmla="*/ 0 w 10862"/>
                  <a:gd name="connsiteY2" fmla="*/ 25536 h 25535"/>
                </a:gdLst>
                <a:ahLst/>
                <a:cxnLst>
                  <a:cxn ang="0">
                    <a:pos x="connsiteX0" y="connsiteY0"/>
                  </a:cxn>
                  <a:cxn ang="0">
                    <a:pos x="connsiteX1" y="connsiteY1"/>
                  </a:cxn>
                  <a:cxn ang="0">
                    <a:pos x="connsiteX2" y="connsiteY2"/>
                  </a:cxn>
                </a:cxnLst>
                <a:rect l="l" t="t" r="r" b="b"/>
                <a:pathLst>
                  <a:path w="10862" h="25535">
                    <a:moveTo>
                      <a:pt x="10863" y="25536"/>
                    </a:moveTo>
                    <a:lnTo>
                      <a:pt x="5112" y="0"/>
                    </a:lnTo>
                    <a:lnTo>
                      <a:pt x="0" y="25536"/>
                    </a:lnTo>
                    <a:close/>
                  </a:path>
                </a:pathLst>
              </a:custGeom>
              <a:grpFill/>
              <a:ln w="6390" cap="flat">
                <a:noFill/>
                <a:prstDash val="solid"/>
                <a:miter/>
              </a:ln>
            </p:spPr>
            <p:txBody>
              <a:bodyPr rtlCol="0" anchor="ctr"/>
              <a:lstStyle/>
              <a:p>
                <a:endParaRPr lang="en-US" sz="1050"/>
              </a:p>
            </p:txBody>
          </p:sp>
        </p:grpSp>
      </p:grpSp>
      <p:sp>
        <p:nvSpPr>
          <p:cNvPr id="54" name="TextBox 53">
            <a:extLst>
              <a:ext uri="{FF2B5EF4-FFF2-40B4-BE49-F238E27FC236}">
                <a16:creationId xmlns:a16="http://schemas.microsoft.com/office/drawing/2014/main" id="{CD02BD9E-928E-4997-8505-4DCD886E1D1E}"/>
              </a:ext>
            </a:extLst>
          </p:cNvPr>
          <p:cNvSpPr txBox="1"/>
          <p:nvPr/>
        </p:nvSpPr>
        <p:spPr>
          <a:xfrm>
            <a:off x="2461973" y="1656021"/>
            <a:ext cx="9229531" cy="2492990"/>
          </a:xfrm>
          <a:prstGeom prst="rect">
            <a:avLst/>
          </a:prstGeom>
        </p:spPr>
        <p:txBody>
          <a:bodyPr wrap="square" lIns="91440" tIns="45720" rIns="91440" bIns="45720" anchor="t">
            <a:spAutoFit/>
          </a:bodyPr>
          <a:lstStyle>
            <a:defPPr>
              <a:defRPr lang="en-US"/>
            </a:defPPr>
            <a:lvl1pPr>
              <a:lnSpc>
                <a:spcPct val="150000"/>
              </a:lnSpc>
              <a:defRPr sz="1200" b="1">
                <a:solidFill>
                  <a:srgbClr val="3C3C3B"/>
                </a:solidFill>
                <a:ea typeface="Arial" panose="020B0604020202020204" pitchFamily="34" charset="0"/>
                <a:cs typeface="Arial" panose="020B0604020202020204" pitchFamily="34" charset="0"/>
              </a:defRPr>
            </a:lvl1pPr>
          </a:lstStyle>
          <a:p>
            <a:pPr>
              <a:lnSpc>
                <a:spcPct val="100000"/>
              </a:lnSpc>
            </a:pPr>
            <a:r>
              <a:rPr lang="en-US" sz="1300" b="0" dirty="0">
                <a:solidFill>
                  <a:schemeClr val="tx1"/>
                </a:solidFill>
                <a:cs typeface="Arial"/>
              </a:rPr>
              <a:t>The REC defines the term Metering Equipment Manager (MEM) as </a:t>
            </a:r>
            <a:r>
              <a:rPr lang="en-GB" sz="1300" b="0" dirty="0">
                <a:solidFill>
                  <a:schemeClr val="tx1"/>
                </a:solidFill>
                <a:cs typeface="Arial"/>
              </a:rPr>
              <a:t>either: ‘a) for electricity, the ‘Meter Operator Agent’ appointed by an Electricity Supplier or b) for gas, the ‘Meter Asset Manager’ appointed by the Gas Supplier. </a:t>
            </a:r>
          </a:p>
          <a:p>
            <a:pPr>
              <a:lnSpc>
                <a:spcPct val="100000"/>
              </a:lnSpc>
            </a:pPr>
            <a:endParaRPr lang="en-GB" sz="1300" b="0" dirty="0">
              <a:solidFill>
                <a:schemeClr val="tx1"/>
              </a:solidFill>
              <a:cs typeface="Arial"/>
            </a:endParaRPr>
          </a:p>
          <a:p>
            <a:pPr>
              <a:lnSpc>
                <a:spcPct val="100000"/>
              </a:lnSpc>
            </a:pPr>
            <a:r>
              <a:rPr lang="en-GB" sz="1300" b="0" dirty="0">
                <a:solidFill>
                  <a:schemeClr val="tx1"/>
                </a:solidFill>
                <a:cs typeface="Arial"/>
              </a:rPr>
              <a:t>A Meter Installer (MI) is defined in the Gas Supply licence as ‘in relation to any Gas Meter, a person a class or description of persons possessing the expertise to connect that meter satisfactorily so that the gas supplied through it is duly registered, or a person whose staff have such expertise; and approved in accordance with Retail Energy Code.’  </a:t>
            </a:r>
          </a:p>
          <a:p>
            <a:pPr>
              <a:lnSpc>
                <a:spcPct val="100000"/>
              </a:lnSpc>
            </a:pPr>
            <a:endParaRPr lang="en-GB" sz="1300" b="0" dirty="0">
              <a:solidFill>
                <a:schemeClr val="tx1"/>
              </a:solidFill>
            </a:endParaRPr>
          </a:p>
          <a:p>
            <a:pPr>
              <a:lnSpc>
                <a:spcPct val="100000"/>
              </a:lnSpc>
            </a:pPr>
            <a:r>
              <a:rPr lang="en-GB" sz="1300" b="0" dirty="0">
                <a:solidFill>
                  <a:schemeClr val="tx1"/>
                </a:solidFill>
                <a:cs typeface="Arial"/>
              </a:rPr>
              <a:t>A Market Participant means ‘a participant in either or both of the gas and electricity markets of Great Britain, each of which identified by a Market Participant Role’.</a:t>
            </a:r>
          </a:p>
          <a:p>
            <a:pPr>
              <a:lnSpc>
                <a:spcPct val="100000"/>
              </a:lnSpc>
            </a:pPr>
            <a:r>
              <a:rPr lang="en-GB" sz="1300" b="0" dirty="0">
                <a:solidFill>
                  <a:schemeClr val="tx1"/>
                </a:solidFill>
                <a:cs typeface="Arial"/>
              </a:rPr>
              <a:t>A MEM who is a Market Participant is an organisation which is qualified to send information relating to metering operations to central systems. </a:t>
            </a:r>
            <a:endParaRPr lang="en-GB" sz="1300" b="0" dirty="0">
              <a:solidFill>
                <a:schemeClr val="tx1"/>
              </a:solidFill>
            </a:endParaRPr>
          </a:p>
        </p:txBody>
      </p:sp>
      <p:sp>
        <p:nvSpPr>
          <p:cNvPr id="55" name="TextBox 54">
            <a:extLst>
              <a:ext uri="{FF2B5EF4-FFF2-40B4-BE49-F238E27FC236}">
                <a16:creationId xmlns:a16="http://schemas.microsoft.com/office/drawing/2014/main" id="{5D11C126-4E67-4185-8673-AE7AB3EF1E5C}"/>
              </a:ext>
            </a:extLst>
          </p:cNvPr>
          <p:cNvSpPr txBox="1"/>
          <p:nvPr/>
        </p:nvSpPr>
        <p:spPr>
          <a:xfrm>
            <a:off x="2705227" y="5168706"/>
            <a:ext cx="4142669" cy="1362168"/>
          </a:xfrm>
          <a:prstGeom prst="rect">
            <a:avLst/>
          </a:prstGeom>
        </p:spPr>
        <p:txBody>
          <a:bodyPr wrap="square">
            <a:spAutoFit/>
          </a:bodyPr>
          <a:lstStyle>
            <a:defPPr>
              <a:defRPr lang="en-US"/>
            </a:defPPr>
            <a:lvl1pPr>
              <a:lnSpc>
                <a:spcPct val="150000"/>
              </a:lnSpc>
              <a:defRPr sz="1200" b="1">
                <a:solidFill>
                  <a:srgbClr val="3C3C3B"/>
                </a:solidFill>
                <a:ea typeface="Arial" panose="020B0604020202020204" pitchFamily="34" charset="0"/>
                <a:cs typeface="Arial" panose="020B0604020202020204" pitchFamily="34" charset="0"/>
              </a:defRPr>
            </a:lvl1pPr>
          </a:lstStyle>
          <a:p>
            <a:pPr marL="171450" indent="-171450">
              <a:buFont typeface="Arial" panose="020B0604020202020204" pitchFamily="34" charset="0"/>
              <a:buChar char="•"/>
            </a:pPr>
            <a:r>
              <a:rPr lang="en-GB" sz="800" dirty="0"/>
              <a:t>The Ofgem Licence condition refers to MAMs as ‘‘(a) a person or a class or description of persons possessing the expertise satisfactorily to design, install, commission, inspect, repair, alter, reposition, remove, renew and maintain the whole or part of the Supply Meter Installation as defined in Section M, paragraph 1.2 of the Network Code as at 1 August 2007; or a person whose staff have such expertise; and (b) a person or a class or description of persons approved in accordance with the Retail Energy Code.”</a:t>
            </a:r>
          </a:p>
        </p:txBody>
      </p:sp>
      <p:sp>
        <p:nvSpPr>
          <p:cNvPr id="56" name="TextBox 55">
            <a:extLst>
              <a:ext uri="{FF2B5EF4-FFF2-40B4-BE49-F238E27FC236}">
                <a16:creationId xmlns:a16="http://schemas.microsoft.com/office/drawing/2014/main" id="{79AF701D-A4A1-4845-89C2-6BD308DE32DA}"/>
              </a:ext>
            </a:extLst>
          </p:cNvPr>
          <p:cNvSpPr txBox="1"/>
          <p:nvPr/>
        </p:nvSpPr>
        <p:spPr>
          <a:xfrm>
            <a:off x="7632801" y="5204399"/>
            <a:ext cx="4142669" cy="1362168"/>
          </a:xfrm>
          <a:prstGeom prst="rect">
            <a:avLst/>
          </a:prstGeom>
        </p:spPr>
        <p:txBody>
          <a:bodyPr wrap="square">
            <a:spAutoFit/>
          </a:bodyPr>
          <a:lstStyle>
            <a:defPPr>
              <a:defRPr lang="en-US"/>
            </a:defPPr>
            <a:lvl1pPr>
              <a:lnSpc>
                <a:spcPct val="150000"/>
              </a:lnSpc>
              <a:defRPr sz="1200" b="1">
                <a:solidFill>
                  <a:srgbClr val="3C3C3B"/>
                </a:solidFill>
                <a:ea typeface="Arial" panose="020B0604020202020204" pitchFamily="34" charset="0"/>
                <a:cs typeface="Arial" panose="020B0604020202020204" pitchFamily="34" charset="0"/>
              </a:defRPr>
            </a:lvl1pPr>
          </a:lstStyle>
          <a:p>
            <a:pPr marL="171450" indent="-171450">
              <a:buFont typeface="Arial" panose="020B0604020202020204" pitchFamily="34" charset="0"/>
              <a:buChar char="•"/>
            </a:pPr>
            <a:r>
              <a:rPr lang="en-GB" sz="800" dirty="0"/>
              <a:t>The BSC’s definition of a MOA is ‘an agent ‘to install, commission, test and maintain, and rectify faults in respect of, Central Volume Allocation (CVA) Metering Equipment and/or Supplier Volume Allocation (SVA) Metering Equipment.’</a:t>
            </a:r>
          </a:p>
          <a:p>
            <a:pPr marL="171450" indent="-171450">
              <a:buFont typeface="Arial" panose="020B0604020202020204" pitchFamily="34" charset="0"/>
              <a:buChar char="•"/>
            </a:pPr>
            <a:endParaRPr lang="en-GB" sz="800" dirty="0"/>
          </a:p>
          <a:p>
            <a:pPr marL="171450" indent="-171450">
              <a:buFont typeface="Arial" panose="020B0604020202020204" pitchFamily="34" charset="0"/>
              <a:buChar char="•"/>
            </a:pPr>
            <a:endParaRPr lang="en-GB" sz="800" dirty="0"/>
          </a:p>
          <a:p>
            <a:pPr marL="171450" indent="-171450">
              <a:buFont typeface="Arial" panose="020B0604020202020204" pitchFamily="34" charset="0"/>
              <a:buChar char="•"/>
            </a:pPr>
            <a:endParaRPr lang="en-US" sz="800" dirty="0"/>
          </a:p>
        </p:txBody>
      </p:sp>
      <p:pic>
        <p:nvPicPr>
          <p:cNvPr id="61" name="Picture 60">
            <a:extLst>
              <a:ext uri="{FF2B5EF4-FFF2-40B4-BE49-F238E27FC236}">
                <a16:creationId xmlns:a16="http://schemas.microsoft.com/office/drawing/2014/main" id="{3AF6E55D-ABA5-4FED-8B5E-BA2DBCE3E6CF}"/>
              </a:ext>
            </a:extLst>
          </p:cNvPr>
          <p:cNvPicPr>
            <a:picLocks noChangeAspect="1"/>
          </p:cNvPicPr>
          <p:nvPr/>
        </p:nvPicPr>
        <p:blipFill rotWithShape="1">
          <a:blip r:embed="rId3"/>
          <a:srcRect r="5961" b="1387"/>
          <a:stretch/>
        </p:blipFill>
        <p:spPr>
          <a:xfrm>
            <a:off x="1" y="1"/>
            <a:ext cx="2355742" cy="6509288"/>
          </a:xfrm>
          <a:prstGeom prst="rect">
            <a:avLst/>
          </a:prstGeom>
        </p:spPr>
      </p:pic>
      <p:pic>
        <p:nvPicPr>
          <p:cNvPr id="62" name="Picture 61">
            <a:hlinkClick r:id="" action="ppaction://hlinkshowjump?jump=nextslide"/>
            <a:extLst>
              <a:ext uri="{FF2B5EF4-FFF2-40B4-BE49-F238E27FC236}">
                <a16:creationId xmlns:a16="http://schemas.microsoft.com/office/drawing/2014/main" id="{3AE6892D-87E7-4282-A01A-880793C28E25}"/>
              </a:ext>
            </a:extLst>
          </p:cNvPr>
          <p:cNvPicPr>
            <a:picLocks noChangeAspect="1"/>
          </p:cNvPicPr>
          <p:nvPr/>
        </p:nvPicPr>
        <p:blipFill>
          <a:blip r:embed="rId4"/>
          <a:stretch>
            <a:fillRect/>
          </a:stretch>
        </p:blipFill>
        <p:spPr>
          <a:xfrm>
            <a:off x="11127525" y="305316"/>
            <a:ext cx="704850" cy="447675"/>
          </a:xfrm>
          <a:prstGeom prst="rect">
            <a:avLst/>
          </a:prstGeom>
        </p:spPr>
      </p:pic>
      <p:pic>
        <p:nvPicPr>
          <p:cNvPr id="63" name="Picture 62">
            <a:hlinkClick r:id="" action="ppaction://hlinkshowjump?jump=previousslide"/>
            <a:extLst>
              <a:ext uri="{FF2B5EF4-FFF2-40B4-BE49-F238E27FC236}">
                <a16:creationId xmlns:a16="http://schemas.microsoft.com/office/drawing/2014/main" id="{88594E72-4AD8-4940-B310-F60180A31E7F}"/>
              </a:ext>
            </a:extLst>
          </p:cNvPr>
          <p:cNvPicPr>
            <a:picLocks noChangeAspect="1"/>
          </p:cNvPicPr>
          <p:nvPr/>
        </p:nvPicPr>
        <p:blipFill>
          <a:blip r:embed="rId5"/>
          <a:stretch>
            <a:fillRect/>
          </a:stretch>
        </p:blipFill>
        <p:spPr>
          <a:xfrm>
            <a:off x="5041765" y="305316"/>
            <a:ext cx="676275" cy="533400"/>
          </a:xfrm>
          <a:prstGeom prst="rect">
            <a:avLst/>
          </a:prstGeom>
        </p:spPr>
      </p:pic>
      <p:pic>
        <p:nvPicPr>
          <p:cNvPr id="65" name="Picture 64">
            <a:hlinkClick r:id="rId6" action="ppaction://hlinksldjump"/>
            <a:extLst>
              <a:ext uri="{FF2B5EF4-FFF2-40B4-BE49-F238E27FC236}">
                <a16:creationId xmlns:a16="http://schemas.microsoft.com/office/drawing/2014/main" id="{A5116898-C248-4967-ABEA-F7246677892F}"/>
              </a:ext>
            </a:extLst>
          </p:cNvPr>
          <p:cNvPicPr>
            <a:picLocks noChangeAspect="1"/>
          </p:cNvPicPr>
          <p:nvPr/>
        </p:nvPicPr>
        <p:blipFill>
          <a:blip r:embed="rId7"/>
          <a:stretch>
            <a:fillRect/>
          </a:stretch>
        </p:blipFill>
        <p:spPr>
          <a:xfrm>
            <a:off x="3917185" y="322134"/>
            <a:ext cx="485775" cy="477679"/>
          </a:xfrm>
          <a:prstGeom prst="rect">
            <a:avLst/>
          </a:prstGeom>
        </p:spPr>
      </p:pic>
      <p:sp>
        <p:nvSpPr>
          <p:cNvPr id="66" name="TextBox 65">
            <a:extLst>
              <a:ext uri="{FF2B5EF4-FFF2-40B4-BE49-F238E27FC236}">
                <a16:creationId xmlns:a16="http://schemas.microsoft.com/office/drawing/2014/main" id="{8D1D92C3-B98F-40FA-9D4B-4E4019AA907E}"/>
              </a:ext>
            </a:extLst>
          </p:cNvPr>
          <p:cNvSpPr txBox="1"/>
          <p:nvPr/>
        </p:nvSpPr>
        <p:spPr>
          <a:xfrm>
            <a:off x="5860652" y="376307"/>
            <a:ext cx="5266063" cy="369332"/>
          </a:xfrm>
          <a:prstGeom prst="rect">
            <a:avLst/>
          </a:prstGeom>
          <a:noFill/>
        </p:spPr>
        <p:txBody>
          <a:bodyPr wrap="square" rtlCol="0">
            <a:spAutoFit/>
          </a:bodyPr>
          <a:lstStyle/>
          <a:p>
            <a:r>
              <a:rPr lang="en-GB">
                <a:solidFill>
                  <a:schemeClr val="bg1"/>
                </a:solidFill>
              </a:rPr>
              <a:t>Animation holder</a:t>
            </a:r>
          </a:p>
        </p:txBody>
      </p:sp>
      <p:sp>
        <p:nvSpPr>
          <p:cNvPr id="67" name="Title 1">
            <a:extLst>
              <a:ext uri="{FF2B5EF4-FFF2-40B4-BE49-F238E27FC236}">
                <a16:creationId xmlns:a16="http://schemas.microsoft.com/office/drawing/2014/main" id="{92EF3C1D-3E0C-4F3E-A41C-6B6281CD617F}"/>
              </a:ext>
            </a:extLst>
          </p:cNvPr>
          <p:cNvSpPr txBox="1">
            <a:spLocks/>
          </p:cNvSpPr>
          <p:nvPr/>
        </p:nvSpPr>
        <p:spPr>
          <a:xfrm>
            <a:off x="2444235" y="1278774"/>
            <a:ext cx="7554686" cy="67844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000" b="1" i="0" kern="1200" cap="all" spc="250" baseline="0">
                <a:solidFill>
                  <a:srgbClr val="68A495"/>
                </a:solidFill>
                <a:latin typeface="Roboto" panose="02000000000000000000" pitchFamily="2" charset="0"/>
                <a:ea typeface="+mj-ea"/>
                <a:cs typeface="+mj-cs"/>
              </a:defRPr>
            </a:lvl1pPr>
          </a:lstStyle>
          <a:p>
            <a:r>
              <a:rPr lang="en-GB" sz="2400" dirty="0">
                <a:solidFill>
                  <a:schemeClr val="accent2"/>
                </a:solidFill>
              </a:rPr>
              <a:t>What is a mem and a mi?</a:t>
            </a:r>
            <a:br>
              <a:rPr lang="en-GB" sz="2400" dirty="0"/>
            </a:br>
            <a:endParaRPr lang="en-GB" sz="2400" dirty="0"/>
          </a:p>
        </p:txBody>
      </p:sp>
      <p:pic>
        <p:nvPicPr>
          <p:cNvPr id="57" name="Picture 56">
            <a:hlinkClick r:id="rId8"/>
            <a:extLst>
              <a:ext uri="{FF2B5EF4-FFF2-40B4-BE49-F238E27FC236}">
                <a16:creationId xmlns:a16="http://schemas.microsoft.com/office/drawing/2014/main" id="{212D1606-3868-4C29-8025-8F4AFC8F7E55}"/>
              </a:ext>
            </a:extLst>
          </p:cNvPr>
          <p:cNvPicPr>
            <a:picLocks noChangeAspect="1"/>
          </p:cNvPicPr>
          <p:nvPr/>
        </p:nvPicPr>
        <p:blipFill>
          <a:blip r:embed="rId9"/>
          <a:stretch>
            <a:fillRect/>
          </a:stretch>
        </p:blipFill>
        <p:spPr>
          <a:xfrm>
            <a:off x="4453970" y="323563"/>
            <a:ext cx="485775" cy="476250"/>
          </a:xfrm>
          <a:prstGeom prst="rect">
            <a:avLst/>
          </a:prstGeom>
        </p:spPr>
      </p:pic>
      <p:sp>
        <p:nvSpPr>
          <p:cNvPr id="36" name="TextBox 35">
            <a:extLst>
              <a:ext uri="{FF2B5EF4-FFF2-40B4-BE49-F238E27FC236}">
                <a16:creationId xmlns:a16="http://schemas.microsoft.com/office/drawing/2014/main" id="{EE704EAE-B94F-421E-BB6D-13AB5CB0CA70}"/>
              </a:ext>
            </a:extLst>
          </p:cNvPr>
          <p:cNvSpPr txBox="1"/>
          <p:nvPr/>
        </p:nvSpPr>
        <p:spPr>
          <a:xfrm>
            <a:off x="6013052" y="528707"/>
            <a:ext cx="5266063" cy="369332"/>
          </a:xfrm>
          <a:prstGeom prst="rect">
            <a:avLst/>
          </a:prstGeom>
          <a:noFill/>
        </p:spPr>
        <p:txBody>
          <a:bodyPr wrap="square" rtlCol="0">
            <a:spAutoFit/>
          </a:bodyPr>
          <a:lstStyle/>
          <a:p>
            <a:r>
              <a:rPr lang="en-GB" dirty="0">
                <a:solidFill>
                  <a:schemeClr val="bg1"/>
                </a:solidFill>
              </a:rPr>
              <a:t>Animation holder</a:t>
            </a:r>
          </a:p>
        </p:txBody>
      </p:sp>
    </p:spTree>
    <p:extLst>
      <p:ext uri="{BB962C8B-B14F-4D97-AF65-F5344CB8AC3E}">
        <p14:creationId xmlns:p14="http://schemas.microsoft.com/office/powerpoint/2010/main" val="3774413655"/>
      </p:ext>
    </p:extLst>
  </p:cSld>
  <p:clrMapOvr>
    <a:masterClrMapping/>
  </p:clrMapOvr>
  <mc:AlternateContent xmlns:mc="http://schemas.openxmlformats.org/markup-compatibility/2006" xmlns:p14="http://schemas.microsoft.com/office/powerpoint/2010/main">
    <mc:Choice Requires="p14">
      <p:transition spd="slow" p14:dur="2000" advClick="0" advTm="0"/>
    </mc:Choice>
    <mc:Fallback xmlns="">
      <p:transition spd="slow" advClick="0" advTm="0"/>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8EB35F03-5968-4A93-A02B-39540BE4E8F4}"/>
              </a:ext>
            </a:extLst>
          </p:cNvPr>
          <p:cNvPicPr>
            <a:picLocks noChangeAspect="1"/>
          </p:cNvPicPr>
          <p:nvPr/>
        </p:nvPicPr>
        <p:blipFill rotWithShape="1">
          <a:blip r:embed="rId3"/>
          <a:srcRect r="5961" b="1387"/>
          <a:stretch/>
        </p:blipFill>
        <p:spPr>
          <a:xfrm>
            <a:off x="1" y="1"/>
            <a:ext cx="2355742" cy="6509288"/>
          </a:xfrm>
          <a:prstGeom prst="rect">
            <a:avLst/>
          </a:prstGeom>
        </p:spPr>
      </p:pic>
      <p:sp>
        <p:nvSpPr>
          <p:cNvPr id="15" name="Rectangle 14">
            <a:extLst>
              <a:ext uri="{FF2B5EF4-FFF2-40B4-BE49-F238E27FC236}">
                <a16:creationId xmlns:a16="http://schemas.microsoft.com/office/drawing/2014/main" id="{02E1BDBB-5563-4640-A564-2DA475061604}"/>
              </a:ext>
            </a:extLst>
          </p:cNvPr>
          <p:cNvSpPr/>
          <p:nvPr/>
        </p:nvSpPr>
        <p:spPr>
          <a:xfrm>
            <a:off x="2466764" y="1619452"/>
            <a:ext cx="9045387" cy="2939266"/>
          </a:xfrm>
          <a:prstGeom prst="rect">
            <a:avLst/>
          </a:prstGeom>
        </p:spPr>
        <p:txBody>
          <a:bodyPr wrap="square">
            <a:spAutoFit/>
          </a:bodyPr>
          <a:lstStyle/>
          <a:p>
            <a:r>
              <a:rPr lang="en-GB" sz="1050" dirty="0">
                <a:latin typeface="Roboto Slab regular" pitchFamily="2" charset="0"/>
                <a:ea typeface="Roboto Slab regular" pitchFamily="2" charset="0"/>
                <a:cs typeface="Arial" panose="020B0604020202020204" pitchFamily="34" charset="0"/>
              </a:rPr>
              <a:t>If you are a MEM who was not accredited on 1 April 2023, you will need to complete a Business Solution Assessment (BSA) and be audited before you can become accredited. However, if you are a MEM</a:t>
            </a:r>
            <a:r>
              <a:rPr lang="en-GB" sz="1050" dirty="0"/>
              <a:t> currently accredited under the codes replaced by CoMCoP, you are accredited at the start of April 2023 and will not be subject to initial accreditation audits. Upon initial accreditation your scheme will only comprise the desktop audit, and you will then receive a provisional one-year certificate . At the end of your first year of operating, you will then undertake both a desktop audit and a site audit before receiving a full two-year certification. </a:t>
            </a:r>
            <a:endParaRPr lang="en-GB" sz="1050" dirty="0">
              <a:latin typeface="Roboto Slab regular" pitchFamily="2" charset="0"/>
              <a:ea typeface="Roboto Slab regular" pitchFamily="2" charset="0"/>
              <a:cs typeface="Arial" panose="020B0604020202020204" pitchFamily="34" charset="0"/>
            </a:endParaRPr>
          </a:p>
          <a:p>
            <a:endParaRPr lang="en-GB" sz="1050" dirty="0">
              <a:latin typeface="Roboto Slab regular" pitchFamily="2" charset="0"/>
              <a:ea typeface="Roboto Slab regular" pitchFamily="2" charset="0"/>
              <a:cs typeface="Arial" panose="020B0604020202020204" pitchFamily="34" charset="0"/>
            </a:endParaRPr>
          </a:p>
          <a:p>
            <a:r>
              <a:rPr lang="en-GB" sz="1050" dirty="0">
                <a:latin typeface="Roboto Slab regular" pitchFamily="2" charset="0"/>
                <a:ea typeface="Roboto Slab regular" pitchFamily="2" charset="0"/>
                <a:cs typeface="Arial" panose="020B0604020202020204" pitchFamily="34" charset="0"/>
              </a:rPr>
              <a:t>Additionally, if you want access to either the Electricity Enquiry Service (EES) and/or Gas Enquiry Service (GES),  you will need to complete an Information Security and Data Protection (ISDP) form. If you plan on sending data flows, you will need to complete internal testing. The Code Manager will take a risk based approach to internal testing, evaluating your ability to send data flows to central systems based on evidence you submit.</a:t>
            </a:r>
            <a:r>
              <a:rPr lang="en-GB" sz="1050" dirty="0">
                <a:ea typeface="Roboto Slab regular" pitchFamily="2" charset="0"/>
                <a:cs typeface="Arial" panose="020B0604020202020204" pitchFamily="34" charset="0"/>
              </a:rPr>
              <a:t> </a:t>
            </a:r>
          </a:p>
          <a:p>
            <a:endParaRPr lang="en-GB" sz="1050" dirty="0">
              <a:ea typeface="Roboto Slab regular" pitchFamily="2" charset="0"/>
              <a:cs typeface="Arial" panose="020B0604020202020204" pitchFamily="34" charset="0"/>
            </a:endParaRPr>
          </a:p>
          <a:p>
            <a:endParaRPr lang="en-GB" sz="1050" dirty="0">
              <a:ea typeface="Roboto Slab regular" pitchFamily="2" charset="0"/>
              <a:cs typeface="Arial" panose="020B0604020202020204" pitchFamily="34" charset="0"/>
            </a:endParaRPr>
          </a:p>
          <a:p>
            <a:endParaRPr lang="en-GB" sz="1050" dirty="0">
              <a:ea typeface="Roboto Slab regular" pitchFamily="2" charset="0"/>
              <a:cs typeface="Arial" panose="020B0604020202020204" pitchFamily="34" charset="0"/>
            </a:endParaRPr>
          </a:p>
          <a:p>
            <a:endParaRPr lang="en-GB" sz="1050" dirty="0">
              <a:ea typeface="Roboto Slab regular" pitchFamily="2" charset="0"/>
              <a:cs typeface="Arial" panose="020B0604020202020204" pitchFamily="34" charset="0"/>
            </a:endParaRPr>
          </a:p>
          <a:p>
            <a:endParaRPr lang="en-GB" sz="1200" dirty="0">
              <a:latin typeface="Roboto Slab regular" pitchFamily="2" charset="0"/>
              <a:ea typeface="Roboto Slab regular" pitchFamily="2" charset="0"/>
              <a:cs typeface="Arial" panose="020B0604020202020204" pitchFamily="34" charset="0"/>
            </a:endParaRPr>
          </a:p>
          <a:p>
            <a:endParaRPr lang="en-GB" sz="1200" dirty="0">
              <a:latin typeface="Roboto Slab regular" pitchFamily="2" charset="0"/>
              <a:ea typeface="Roboto Slab regular" pitchFamily="2" charset="0"/>
              <a:cs typeface="Arial" panose="020B0604020202020204" pitchFamily="34" charset="0"/>
            </a:endParaRPr>
          </a:p>
          <a:p>
            <a:endParaRPr lang="en-GB" sz="1400" dirty="0">
              <a:latin typeface="Roboto Slab regular" pitchFamily="2" charset="0"/>
              <a:ea typeface="Roboto Slab regular" pitchFamily="2" charset="0"/>
              <a:cs typeface="Arial" panose="020B0604020202020204" pitchFamily="34" charset="0"/>
            </a:endParaRPr>
          </a:p>
        </p:txBody>
      </p:sp>
      <p:sp>
        <p:nvSpPr>
          <p:cNvPr id="17" name="Title 1">
            <a:extLst>
              <a:ext uri="{FF2B5EF4-FFF2-40B4-BE49-F238E27FC236}">
                <a16:creationId xmlns:a16="http://schemas.microsoft.com/office/drawing/2014/main" id="{1B25A298-BE78-48DE-BD6E-BB95F3E1C993}"/>
              </a:ext>
            </a:extLst>
          </p:cNvPr>
          <p:cNvSpPr txBox="1">
            <a:spLocks/>
          </p:cNvSpPr>
          <p:nvPr/>
        </p:nvSpPr>
        <p:spPr>
          <a:xfrm>
            <a:off x="2444235" y="1278774"/>
            <a:ext cx="8807566" cy="67844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000" b="1" i="0" kern="1200" cap="all" spc="250" baseline="0">
                <a:solidFill>
                  <a:srgbClr val="68A495"/>
                </a:solidFill>
                <a:latin typeface="Roboto" panose="02000000000000000000" pitchFamily="2" charset="0"/>
                <a:ea typeface="+mj-ea"/>
                <a:cs typeface="+mj-cs"/>
              </a:defRPr>
            </a:lvl1pPr>
          </a:lstStyle>
          <a:p>
            <a:r>
              <a:rPr lang="en-GB" sz="2400" dirty="0">
                <a:solidFill>
                  <a:schemeClr val="accent2"/>
                </a:solidFill>
              </a:rPr>
              <a:t>Becoming accredited (Electricity and Gas) </a:t>
            </a:r>
            <a:br>
              <a:rPr lang="en-GB" sz="2400" dirty="0"/>
            </a:br>
            <a:endParaRPr lang="en-GB" sz="2400" dirty="0"/>
          </a:p>
        </p:txBody>
      </p:sp>
      <p:pic>
        <p:nvPicPr>
          <p:cNvPr id="20" name="Picture 19">
            <a:hlinkClick r:id="" action="ppaction://hlinkshowjump?jump=nextslide"/>
            <a:extLst>
              <a:ext uri="{FF2B5EF4-FFF2-40B4-BE49-F238E27FC236}">
                <a16:creationId xmlns:a16="http://schemas.microsoft.com/office/drawing/2014/main" id="{AB86C736-8566-4A77-890B-D9CD6B4940DD}"/>
              </a:ext>
            </a:extLst>
          </p:cNvPr>
          <p:cNvPicPr>
            <a:picLocks noChangeAspect="1"/>
          </p:cNvPicPr>
          <p:nvPr/>
        </p:nvPicPr>
        <p:blipFill>
          <a:blip r:embed="rId4"/>
          <a:stretch>
            <a:fillRect/>
          </a:stretch>
        </p:blipFill>
        <p:spPr>
          <a:xfrm>
            <a:off x="11127525" y="305316"/>
            <a:ext cx="704850" cy="447675"/>
          </a:xfrm>
          <a:prstGeom prst="rect">
            <a:avLst/>
          </a:prstGeom>
        </p:spPr>
      </p:pic>
      <p:pic>
        <p:nvPicPr>
          <p:cNvPr id="21" name="Picture 20">
            <a:hlinkClick r:id="" action="ppaction://hlinkshowjump?jump=previousslide"/>
            <a:extLst>
              <a:ext uri="{FF2B5EF4-FFF2-40B4-BE49-F238E27FC236}">
                <a16:creationId xmlns:a16="http://schemas.microsoft.com/office/drawing/2014/main" id="{78AB00D2-ACE9-4706-B837-F9ACE187C9FE}"/>
              </a:ext>
            </a:extLst>
          </p:cNvPr>
          <p:cNvPicPr>
            <a:picLocks noChangeAspect="1"/>
          </p:cNvPicPr>
          <p:nvPr/>
        </p:nvPicPr>
        <p:blipFill>
          <a:blip r:embed="rId5"/>
          <a:stretch>
            <a:fillRect/>
          </a:stretch>
        </p:blipFill>
        <p:spPr>
          <a:xfrm>
            <a:off x="5041765" y="305316"/>
            <a:ext cx="676275" cy="533400"/>
          </a:xfrm>
          <a:prstGeom prst="rect">
            <a:avLst/>
          </a:prstGeom>
        </p:spPr>
      </p:pic>
      <p:pic>
        <p:nvPicPr>
          <p:cNvPr id="23" name="Picture 22">
            <a:hlinkClick r:id="rId6" action="ppaction://hlinksldjump"/>
            <a:extLst>
              <a:ext uri="{FF2B5EF4-FFF2-40B4-BE49-F238E27FC236}">
                <a16:creationId xmlns:a16="http://schemas.microsoft.com/office/drawing/2014/main" id="{0474FCEE-00F7-4001-BE44-54C332B39134}"/>
              </a:ext>
            </a:extLst>
          </p:cNvPr>
          <p:cNvPicPr>
            <a:picLocks noChangeAspect="1"/>
          </p:cNvPicPr>
          <p:nvPr/>
        </p:nvPicPr>
        <p:blipFill>
          <a:blip r:embed="rId7"/>
          <a:stretch>
            <a:fillRect/>
          </a:stretch>
        </p:blipFill>
        <p:spPr>
          <a:xfrm>
            <a:off x="3917185" y="322134"/>
            <a:ext cx="485775" cy="477679"/>
          </a:xfrm>
          <a:prstGeom prst="rect">
            <a:avLst/>
          </a:prstGeom>
        </p:spPr>
      </p:pic>
      <p:pic>
        <p:nvPicPr>
          <p:cNvPr id="18" name="Picture 17">
            <a:hlinkClick r:id="rId8"/>
            <a:extLst>
              <a:ext uri="{FF2B5EF4-FFF2-40B4-BE49-F238E27FC236}">
                <a16:creationId xmlns:a16="http://schemas.microsoft.com/office/drawing/2014/main" id="{4299C762-DD8E-472A-9CE7-44B822206364}"/>
              </a:ext>
            </a:extLst>
          </p:cNvPr>
          <p:cNvPicPr>
            <a:picLocks noChangeAspect="1"/>
          </p:cNvPicPr>
          <p:nvPr/>
        </p:nvPicPr>
        <p:blipFill>
          <a:blip r:embed="rId9"/>
          <a:stretch>
            <a:fillRect/>
          </a:stretch>
        </p:blipFill>
        <p:spPr>
          <a:xfrm>
            <a:off x="4453970" y="323563"/>
            <a:ext cx="485775" cy="476250"/>
          </a:xfrm>
          <a:prstGeom prst="rect">
            <a:avLst/>
          </a:prstGeom>
        </p:spPr>
      </p:pic>
      <p:sp>
        <p:nvSpPr>
          <p:cNvPr id="19" name="Rectangle: Rounded Corners 18">
            <a:extLst>
              <a:ext uri="{FF2B5EF4-FFF2-40B4-BE49-F238E27FC236}">
                <a16:creationId xmlns:a16="http://schemas.microsoft.com/office/drawing/2014/main" id="{DD5785F6-11ED-45AB-BC7D-8CCF73BA0529}"/>
              </a:ext>
            </a:extLst>
          </p:cNvPr>
          <p:cNvSpPr/>
          <p:nvPr/>
        </p:nvSpPr>
        <p:spPr>
          <a:xfrm>
            <a:off x="9741026" y="5465378"/>
            <a:ext cx="1386499" cy="1206695"/>
          </a:xfrm>
          <a:prstGeom prst="roundRect">
            <a:avLst/>
          </a:prstGeom>
          <a:solidFill>
            <a:srgbClr val="5E9968"/>
          </a:solidFill>
          <a:ln>
            <a:noFill/>
          </a:ln>
          <a:effectLst/>
          <a:scene3d>
            <a:camera prst="orthographicFront">
              <a:rot lat="0" lon="0" rev="0"/>
            </a:camera>
            <a:lightRig rig="brightRoom" dir="t">
              <a:rot lat="0" lon="0" rev="600000"/>
            </a:lightRig>
          </a:scene3d>
          <a:sp3d prstMaterial="metal">
            <a:bevelT w="38100" h="57150" prst="angle"/>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GB" sz="1000">
                <a:latin typeface="Roboto (Headings)"/>
                <a:cs typeface="Calibri" panose="020F0502020204030204" pitchFamily="34" charset="0"/>
              </a:rPr>
              <a:t>MORE DETAILS ON MARKET ENTRY</a:t>
            </a:r>
          </a:p>
        </p:txBody>
      </p:sp>
      <p:sp>
        <p:nvSpPr>
          <p:cNvPr id="24" name="Oval 23">
            <a:hlinkClick r:id="rId10"/>
            <a:extLst>
              <a:ext uri="{FF2B5EF4-FFF2-40B4-BE49-F238E27FC236}">
                <a16:creationId xmlns:a16="http://schemas.microsoft.com/office/drawing/2014/main" id="{6DA79125-4C66-4BC9-914F-567E80AAA776}"/>
              </a:ext>
            </a:extLst>
          </p:cNvPr>
          <p:cNvSpPr/>
          <p:nvPr/>
        </p:nvSpPr>
        <p:spPr>
          <a:xfrm>
            <a:off x="10160683" y="6071298"/>
            <a:ext cx="547183" cy="449969"/>
          </a:xfrm>
          <a:prstGeom prst="ellipse">
            <a:avLst/>
          </a:prstGeom>
          <a:solidFill>
            <a:srgbClr val="E7AB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500" b="1" dirty="0">
                <a:latin typeface="Roboto (Headings)"/>
              </a:rPr>
              <a:t>READ MORE</a:t>
            </a:r>
          </a:p>
          <a:p>
            <a:pPr algn="ctr"/>
            <a:r>
              <a:rPr lang="en-GB" sz="200" b="1" dirty="0">
                <a:latin typeface="Roboto (Headings)"/>
              </a:rPr>
              <a:t>CLICK HERE</a:t>
            </a:r>
          </a:p>
        </p:txBody>
      </p:sp>
      <p:grpSp>
        <p:nvGrpSpPr>
          <p:cNvPr id="187" name="Group 186">
            <a:extLst>
              <a:ext uri="{FF2B5EF4-FFF2-40B4-BE49-F238E27FC236}">
                <a16:creationId xmlns:a16="http://schemas.microsoft.com/office/drawing/2014/main" id="{EBE65B52-4341-4B16-A7E6-47F2E484F517}"/>
              </a:ext>
            </a:extLst>
          </p:cNvPr>
          <p:cNvGrpSpPr/>
          <p:nvPr/>
        </p:nvGrpSpPr>
        <p:grpSpPr>
          <a:xfrm>
            <a:off x="2272128" y="3564258"/>
            <a:ext cx="9747396" cy="2469432"/>
            <a:chOff x="2346556" y="3599294"/>
            <a:chExt cx="9747396" cy="2469432"/>
          </a:xfrm>
        </p:grpSpPr>
        <p:grpSp>
          <p:nvGrpSpPr>
            <p:cNvPr id="179" name="Group 178">
              <a:extLst>
                <a:ext uri="{FF2B5EF4-FFF2-40B4-BE49-F238E27FC236}">
                  <a16:creationId xmlns:a16="http://schemas.microsoft.com/office/drawing/2014/main" id="{76D787EE-10E7-494C-8777-6AE5F91B4EAF}"/>
                </a:ext>
              </a:extLst>
            </p:cNvPr>
            <p:cNvGrpSpPr/>
            <p:nvPr/>
          </p:nvGrpSpPr>
          <p:grpSpPr>
            <a:xfrm>
              <a:off x="2346556" y="3599294"/>
              <a:ext cx="9015827" cy="2469432"/>
              <a:chOff x="3069690" y="4943400"/>
              <a:chExt cx="9015827" cy="2469432"/>
            </a:xfrm>
          </p:grpSpPr>
          <p:cxnSp>
            <p:nvCxnSpPr>
              <p:cNvPr id="121" name="Straight Arrow Connector 120">
                <a:extLst>
                  <a:ext uri="{FF2B5EF4-FFF2-40B4-BE49-F238E27FC236}">
                    <a16:creationId xmlns:a16="http://schemas.microsoft.com/office/drawing/2014/main" id="{6D3332D7-F160-41DB-95CD-9A3C49B61EB8}"/>
                  </a:ext>
                </a:extLst>
              </p:cNvPr>
              <p:cNvCxnSpPr>
                <a:cxnSpLocks/>
              </p:cNvCxnSpPr>
              <p:nvPr/>
            </p:nvCxnSpPr>
            <p:spPr>
              <a:xfrm>
                <a:off x="3586961" y="5649959"/>
                <a:ext cx="0" cy="188524"/>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nvGrpSpPr>
              <p:cNvPr id="178" name="Group 177">
                <a:extLst>
                  <a:ext uri="{FF2B5EF4-FFF2-40B4-BE49-F238E27FC236}">
                    <a16:creationId xmlns:a16="http://schemas.microsoft.com/office/drawing/2014/main" id="{154EEF14-AA9F-4F6C-B764-7E1A940F77EB}"/>
                  </a:ext>
                </a:extLst>
              </p:cNvPr>
              <p:cNvGrpSpPr/>
              <p:nvPr/>
            </p:nvGrpSpPr>
            <p:grpSpPr>
              <a:xfrm>
                <a:off x="3069690" y="4943400"/>
                <a:ext cx="9015827" cy="2469432"/>
                <a:chOff x="2348018" y="3619524"/>
                <a:chExt cx="9015827" cy="2469432"/>
              </a:xfrm>
            </p:grpSpPr>
            <p:sp>
              <p:nvSpPr>
                <p:cNvPr id="97" name="Rectangle: Rounded Corners 96">
                  <a:extLst>
                    <a:ext uri="{FF2B5EF4-FFF2-40B4-BE49-F238E27FC236}">
                      <a16:creationId xmlns:a16="http://schemas.microsoft.com/office/drawing/2014/main" id="{4FA3490F-92C9-48D8-B8A5-56793F1C72EA}"/>
                    </a:ext>
                  </a:extLst>
                </p:cNvPr>
                <p:cNvSpPr/>
                <p:nvPr/>
              </p:nvSpPr>
              <p:spPr>
                <a:xfrm>
                  <a:off x="2409135" y="4533902"/>
                  <a:ext cx="909886" cy="539324"/>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cxnSp>
              <p:nvCxnSpPr>
                <p:cNvPr id="123" name="Straight Arrow Connector 122">
                  <a:extLst>
                    <a:ext uri="{FF2B5EF4-FFF2-40B4-BE49-F238E27FC236}">
                      <a16:creationId xmlns:a16="http://schemas.microsoft.com/office/drawing/2014/main" id="{F2E37635-E870-455D-829A-001AB1AFA070}"/>
                    </a:ext>
                  </a:extLst>
                </p:cNvPr>
                <p:cNvCxnSpPr>
                  <a:cxnSpLocks/>
                </p:cNvCxnSpPr>
                <p:nvPr/>
              </p:nvCxnSpPr>
              <p:spPr>
                <a:xfrm>
                  <a:off x="3356129" y="4803369"/>
                  <a:ext cx="167776"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nvGrpSpPr>
                <p:cNvPr id="129" name="Group 128">
                  <a:extLst>
                    <a:ext uri="{FF2B5EF4-FFF2-40B4-BE49-F238E27FC236}">
                      <a16:creationId xmlns:a16="http://schemas.microsoft.com/office/drawing/2014/main" id="{E8D7F3EE-D23E-43B6-834C-4AA94FAAE60A}"/>
                    </a:ext>
                  </a:extLst>
                </p:cNvPr>
                <p:cNvGrpSpPr/>
                <p:nvPr/>
              </p:nvGrpSpPr>
              <p:grpSpPr>
                <a:xfrm>
                  <a:off x="2348018" y="3619524"/>
                  <a:ext cx="9015827" cy="2469432"/>
                  <a:chOff x="2355743" y="3622819"/>
                  <a:chExt cx="9015827" cy="2469432"/>
                </a:xfrm>
              </p:grpSpPr>
              <p:grpSp>
                <p:nvGrpSpPr>
                  <p:cNvPr id="130" name="Group 129">
                    <a:extLst>
                      <a:ext uri="{FF2B5EF4-FFF2-40B4-BE49-F238E27FC236}">
                        <a16:creationId xmlns:a16="http://schemas.microsoft.com/office/drawing/2014/main" id="{6B97ACBE-04B6-4A9A-83D6-4A3423FB357C}"/>
                      </a:ext>
                    </a:extLst>
                  </p:cNvPr>
                  <p:cNvGrpSpPr/>
                  <p:nvPr/>
                </p:nvGrpSpPr>
                <p:grpSpPr>
                  <a:xfrm>
                    <a:off x="4939745" y="3622819"/>
                    <a:ext cx="6431825" cy="2469432"/>
                    <a:chOff x="3643697" y="4134706"/>
                    <a:chExt cx="6431825" cy="2469432"/>
                  </a:xfrm>
                </p:grpSpPr>
                <p:grpSp>
                  <p:nvGrpSpPr>
                    <p:cNvPr id="157" name="Group 156">
                      <a:extLst>
                        <a:ext uri="{FF2B5EF4-FFF2-40B4-BE49-F238E27FC236}">
                          <a16:creationId xmlns:a16="http://schemas.microsoft.com/office/drawing/2014/main" id="{239FDCBE-9710-4C92-83B4-1C4EB8012B82}"/>
                        </a:ext>
                      </a:extLst>
                    </p:cNvPr>
                    <p:cNvGrpSpPr/>
                    <p:nvPr/>
                  </p:nvGrpSpPr>
                  <p:grpSpPr>
                    <a:xfrm>
                      <a:off x="3838990" y="4166289"/>
                      <a:ext cx="6236532" cy="2339362"/>
                      <a:chOff x="3838990" y="4166289"/>
                      <a:chExt cx="6236532" cy="2339362"/>
                    </a:xfrm>
                  </p:grpSpPr>
                  <p:grpSp>
                    <p:nvGrpSpPr>
                      <p:cNvPr id="160" name="Group 159">
                        <a:extLst>
                          <a:ext uri="{FF2B5EF4-FFF2-40B4-BE49-F238E27FC236}">
                            <a16:creationId xmlns:a16="http://schemas.microsoft.com/office/drawing/2014/main" id="{A0FB8490-CDB6-425C-9151-AD4FB073203B}"/>
                          </a:ext>
                        </a:extLst>
                      </p:cNvPr>
                      <p:cNvGrpSpPr/>
                      <p:nvPr/>
                    </p:nvGrpSpPr>
                    <p:grpSpPr>
                      <a:xfrm>
                        <a:off x="3838990" y="4166289"/>
                        <a:ext cx="6236532" cy="2339362"/>
                        <a:chOff x="3854555" y="3977775"/>
                        <a:chExt cx="6236532" cy="2339362"/>
                      </a:xfrm>
                    </p:grpSpPr>
                    <p:sp>
                      <p:nvSpPr>
                        <p:cNvPr id="166" name="Rectangle: Rounded Corners 165">
                          <a:extLst>
                            <a:ext uri="{FF2B5EF4-FFF2-40B4-BE49-F238E27FC236}">
                              <a16:creationId xmlns:a16="http://schemas.microsoft.com/office/drawing/2014/main" id="{15FE5DA7-E1D2-4C37-A037-A1B95CD80FC3}"/>
                            </a:ext>
                          </a:extLst>
                        </p:cNvPr>
                        <p:cNvSpPr/>
                        <p:nvPr/>
                      </p:nvSpPr>
                      <p:spPr>
                        <a:xfrm>
                          <a:off x="5191541" y="3977775"/>
                          <a:ext cx="1422671" cy="653596"/>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grpSp>
                      <p:nvGrpSpPr>
                        <p:cNvPr id="167" name="Group 166">
                          <a:extLst>
                            <a:ext uri="{FF2B5EF4-FFF2-40B4-BE49-F238E27FC236}">
                              <a16:creationId xmlns:a16="http://schemas.microsoft.com/office/drawing/2014/main" id="{C7EEFC18-3431-4039-A0F1-1149402D1C19}"/>
                            </a:ext>
                          </a:extLst>
                        </p:cNvPr>
                        <p:cNvGrpSpPr/>
                        <p:nvPr/>
                      </p:nvGrpSpPr>
                      <p:grpSpPr>
                        <a:xfrm>
                          <a:off x="3854555" y="4270602"/>
                          <a:ext cx="6236532" cy="2046535"/>
                          <a:chOff x="3854555" y="4270602"/>
                          <a:chExt cx="6236532" cy="2046535"/>
                        </a:xfrm>
                      </p:grpSpPr>
                      <p:sp>
                        <p:nvSpPr>
                          <p:cNvPr id="168" name="Rectangle: Rounded Corners 167">
                            <a:extLst>
                              <a:ext uri="{FF2B5EF4-FFF2-40B4-BE49-F238E27FC236}">
                                <a16:creationId xmlns:a16="http://schemas.microsoft.com/office/drawing/2014/main" id="{4A836875-01A7-4D38-BE26-FE4AEEFFF571}"/>
                              </a:ext>
                            </a:extLst>
                          </p:cNvPr>
                          <p:cNvSpPr/>
                          <p:nvPr/>
                        </p:nvSpPr>
                        <p:spPr>
                          <a:xfrm>
                            <a:off x="3854555" y="4792709"/>
                            <a:ext cx="1422671" cy="653596"/>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169" name="Rectangle: Rounded Corners 168">
                            <a:extLst>
                              <a:ext uri="{FF2B5EF4-FFF2-40B4-BE49-F238E27FC236}">
                                <a16:creationId xmlns:a16="http://schemas.microsoft.com/office/drawing/2014/main" id="{023EED7D-30FA-4DB3-AFBF-41544147F13E}"/>
                              </a:ext>
                            </a:extLst>
                          </p:cNvPr>
                          <p:cNvSpPr/>
                          <p:nvPr/>
                        </p:nvSpPr>
                        <p:spPr>
                          <a:xfrm>
                            <a:off x="6505495" y="4792709"/>
                            <a:ext cx="1422671" cy="653596"/>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170" name="Rectangle: Rounded Corners 169">
                            <a:extLst>
                              <a:ext uri="{FF2B5EF4-FFF2-40B4-BE49-F238E27FC236}">
                                <a16:creationId xmlns:a16="http://schemas.microsoft.com/office/drawing/2014/main" id="{A4218454-31A5-45A2-AB02-70229D869AB0}"/>
                              </a:ext>
                            </a:extLst>
                          </p:cNvPr>
                          <p:cNvSpPr/>
                          <p:nvPr/>
                        </p:nvSpPr>
                        <p:spPr>
                          <a:xfrm>
                            <a:off x="8668416" y="4792709"/>
                            <a:ext cx="1422671" cy="653596"/>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cxnSp>
                        <p:nvCxnSpPr>
                          <p:cNvPr id="171" name="Straight Arrow Connector 170">
                            <a:extLst>
                              <a:ext uri="{FF2B5EF4-FFF2-40B4-BE49-F238E27FC236}">
                                <a16:creationId xmlns:a16="http://schemas.microsoft.com/office/drawing/2014/main" id="{2B51CFFC-B45E-4A6A-8D37-22126C2C6C01}"/>
                              </a:ext>
                            </a:extLst>
                          </p:cNvPr>
                          <p:cNvCxnSpPr/>
                          <p:nvPr/>
                        </p:nvCxnSpPr>
                        <p:spPr>
                          <a:xfrm>
                            <a:off x="5404954" y="5119507"/>
                            <a:ext cx="995846"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72" name="Straight Arrow Connector 171">
                            <a:extLst>
                              <a:ext uri="{FF2B5EF4-FFF2-40B4-BE49-F238E27FC236}">
                                <a16:creationId xmlns:a16="http://schemas.microsoft.com/office/drawing/2014/main" id="{411D9984-3ACB-4CC9-B247-764BDA36AB97}"/>
                              </a:ext>
                            </a:extLst>
                          </p:cNvPr>
                          <p:cNvCxnSpPr>
                            <a:cxnSpLocks/>
                          </p:cNvCxnSpPr>
                          <p:nvPr/>
                        </p:nvCxnSpPr>
                        <p:spPr>
                          <a:xfrm>
                            <a:off x="8025387" y="5119507"/>
                            <a:ext cx="567873"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173" name="Rectangle: Rounded Corners 172">
                            <a:extLst>
                              <a:ext uri="{FF2B5EF4-FFF2-40B4-BE49-F238E27FC236}">
                                <a16:creationId xmlns:a16="http://schemas.microsoft.com/office/drawing/2014/main" id="{5D9038AE-B63E-4EA8-9C2A-FDD7E36439D5}"/>
                              </a:ext>
                            </a:extLst>
                          </p:cNvPr>
                          <p:cNvSpPr/>
                          <p:nvPr/>
                        </p:nvSpPr>
                        <p:spPr>
                          <a:xfrm>
                            <a:off x="5191541" y="5663541"/>
                            <a:ext cx="1422671" cy="653596"/>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cxnSp>
                        <p:nvCxnSpPr>
                          <p:cNvPr id="174" name="Connector: Elbow 173">
                            <a:extLst>
                              <a:ext uri="{FF2B5EF4-FFF2-40B4-BE49-F238E27FC236}">
                                <a16:creationId xmlns:a16="http://schemas.microsoft.com/office/drawing/2014/main" id="{8639F0CE-C5F8-46F0-977B-162BCDF5A037}"/>
                              </a:ext>
                            </a:extLst>
                          </p:cNvPr>
                          <p:cNvCxnSpPr>
                            <a:cxnSpLocks/>
                          </p:cNvCxnSpPr>
                          <p:nvPr/>
                        </p:nvCxnSpPr>
                        <p:spPr>
                          <a:xfrm>
                            <a:off x="4565890" y="5607643"/>
                            <a:ext cx="487998" cy="390690"/>
                          </a:xfrm>
                          <a:prstGeom prst="bentConnector3">
                            <a:avLst>
                              <a:gd name="adj1" fmla="val -1336"/>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75" name="Connector: Elbow 174">
                            <a:extLst>
                              <a:ext uri="{FF2B5EF4-FFF2-40B4-BE49-F238E27FC236}">
                                <a16:creationId xmlns:a16="http://schemas.microsoft.com/office/drawing/2014/main" id="{37B0F1F1-4468-4897-998C-387F411BC4D5}"/>
                              </a:ext>
                            </a:extLst>
                          </p:cNvPr>
                          <p:cNvCxnSpPr>
                            <a:cxnSpLocks/>
                          </p:cNvCxnSpPr>
                          <p:nvPr/>
                        </p:nvCxnSpPr>
                        <p:spPr>
                          <a:xfrm flipV="1">
                            <a:off x="6751865" y="5579226"/>
                            <a:ext cx="464965" cy="409305"/>
                          </a:xfrm>
                          <a:prstGeom prst="bentConnector3">
                            <a:avLst>
                              <a:gd name="adj1" fmla="val 101186"/>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76" name="Connector: Elbow 175">
                            <a:extLst>
                              <a:ext uri="{FF2B5EF4-FFF2-40B4-BE49-F238E27FC236}">
                                <a16:creationId xmlns:a16="http://schemas.microsoft.com/office/drawing/2014/main" id="{CB4BFACE-904F-481C-8990-86DF34B4C882}"/>
                              </a:ext>
                            </a:extLst>
                          </p:cNvPr>
                          <p:cNvCxnSpPr>
                            <a:cxnSpLocks/>
                          </p:cNvCxnSpPr>
                          <p:nvPr/>
                        </p:nvCxnSpPr>
                        <p:spPr>
                          <a:xfrm flipV="1">
                            <a:off x="4565890" y="4291432"/>
                            <a:ext cx="494545" cy="339939"/>
                          </a:xfrm>
                          <a:prstGeom prst="bentConnector3">
                            <a:avLst>
                              <a:gd name="adj1" fmla="val -657"/>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77" name="Connector: Elbow 176">
                            <a:extLst>
                              <a:ext uri="{FF2B5EF4-FFF2-40B4-BE49-F238E27FC236}">
                                <a16:creationId xmlns:a16="http://schemas.microsoft.com/office/drawing/2014/main" id="{42578814-AB6F-4392-8D07-A31CC4C804E0}"/>
                              </a:ext>
                            </a:extLst>
                          </p:cNvPr>
                          <p:cNvCxnSpPr>
                            <a:cxnSpLocks/>
                          </p:cNvCxnSpPr>
                          <p:nvPr/>
                        </p:nvCxnSpPr>
                        <p:spPr>
                          <a:xfrm>
                            <a:off x="6751865" y="4270602"/>
                            <a:ext cx="464965" cy="438135"/>
                          </a:xfrm>
                          <a:prstGeom prst="bentConnector3">
                            <a:avLst>
                              <a:gd name="adj1" fmla="val 101186"/>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grpSp>
                  <p:sp>
                    <p:nvSpPr>
                      <p:cNvPr id="161" name="TextBox 160">
                        <a:extLst>
                          <a:ext uri="{FF2B5EF4-FFF2-40B4-BE49-F238E27FC236}">
                            <a16:creationId xmlns:a16="http://schemas.microsoft.com/office/drawing/2014/main" id="{8C9E8031-C8A0-4B15-A930-AF5F2DF8861F}"/>
                          </a:ext>
                        </a:extLst>
                      </p:cNvPr>
                      <p:cNvSpPr txBox="1"/>
                      <p:nvPr/>
                    </p:nvSpPr>
                    <p:spPr>
                      <a:xfrm>
                        <a:off x="4233755" y="5138744"/>
                        <a:ext cx="633140" cy="338554"/>
                      </a:xfrm>
                      <a:prstGeom prst="rect">
                        <a:avLst/>
                      </a:prstGeom>
                      <a:noFill/>
                    </p:spPr>
                    <p:txBody>
                      <a:bodyPr wrap="square" rtlCol="0">
                        <a:spAutoFit/>
                      </a:bodyPr>
                      <a:lstStyle/>
                      <a:p>
                        <a:r>
                          <a:rPr lang="en-GB" sz="1600" dirty="0">
                            <a:solidFill>
                              <a:schemeClr val="bg2"/>
                            </a:solidFill>
                          </a:rPr>
                          <a:t>BSA</a:t>
                        </a:r>
                      </a:p>
                    </p:txBody>
                  </p:sp>
                  <p:sp>
                    <p:nvSpPr>
                      <p:cNvPr id="162" name="TextBox 161">
                        <a:extLst>
                          <a:ext uri="{FF2B5EF4-FFF2-40B4-BE49-F238E27FC236}">
                            <a16:creationId xmlns:a16="http://schemas.microsoft.com/office/drawing/2014/main" id="{D563520B-6AA6-4D1B-B048-A56336832DF7}"/>
                          </a:ext>
                        </a:extLst>
                      </p:cNvPr>
                      <p:cNvSpPr txBox="1"/>
                      <p:nvPr/>
                    </p:nvSpPr>
                    <p:spPr>
                      <a:xfrm>
                        <a:off x="6579840" y="5028159"/>
                        <a:ext cx="1242849" cy="584775"/>
                      </a:xfrm>
                      <a:prstGeom prst="rect">
                        <a:avLst/>
                      </a:prstGeom>
                      <a:noFill/>
                    </p:spPr>
                    <p:txBody>
                      <a:bodyPr wrap="square" rtlCol="0">
                        <a:spAutoFit/>
                      </a:bodyPr>
                      <a:lstStyle/>
                      <a:p>
                        <a:pPr algn="ctr"/>
                        <a:r>
                          <a:rPr lang="en-GB" sz="1600" dirty="0">
                            <a:solidFill>
                              <a:schemeClr val="bg2"/>
                            </a:solidFill>
                          </a:rPr>
                          <a:t>Desktop Audit </a:t>
                        </a:r>
                      </a:p>
                    </p:txBody>
                  </p:sp>
                  <p:sp>
                    <p:nvSpPr>
                      <p:cNvPr id="163" name="TextBox 162">
                        <a:extLst>
                          <a:ext uri="{FF2B5EF4-FFF2-40B4-BE49-F238E27FC236}">
                            <a16:creationId xmlns:a16="http://schemas.microsoft.com/office/drawing/2014/main" id="{1771B071-130C-4924-9C2E-E6C57391C876}"/>
                          </a:ext>
                        </a:extLst>
                      </p:cNvPr>
                      <p:cNvSpPr txBox="1"/>
                      <p:nvPr/>
                    </p:nvSpPr>
                    <p:spPr>
                      <a:xfrm>
                        <a:off x="8739531" y="5010343"/>
                        <a:ext cx="1299837" cy="584775"/>
                      </a:xfrm>
                      <a:prstGeom prst="rect">
                        <a:avLst/>
                      </a:prstGeom>
                      <a:noFill/>
                    </p:spPr>
                    <p:txBody>
                      <a:bodyPr wrap="square" rtlCol="0">
                        <a:spAutoFit/>
                      </a:bodyPr>
                      <a:lstStyle/>
                      <a:p>
                        <a:pPr algn="ctr"/>
                        <a:r>
                          <a:rPr lang="en-GB" sz="1600" dirty="0">
                            <a:solidFill>
                              <a:schemeClr val="bg2"/>
                            </a:solidFill>
                          </a:rPr>
                          <a:t>Receive </a:t>
                        </a:r>
                      </a:p>
                      <a:p>
                        <a:pPr algn="ctr"/>
                        <a:r>
                          <a:rPr lang="en-GB" sz="1600" dirty="0">
                            <a:solidFill>
                              <a:schemeClr val="bg2"/>
                            </a:solidFill>
                          </a:rPr>
                          <a:t>Certificate*</a:t>
                        </a:r>
                      </a:p>
                    </p:txBody>
                  </p:sp>
                  <p:sp>
                    <p:nvSpPr>
                      <p:cNvPr id="164" name="TextBox 163">
                        <a:extLst>
                          <a:ext uri="{FF2B5EF4-FFF2-40B4-BE49-F238E27FC236}">
                            <a16:creationId xmlns:a16="http://schemas.microsoft.com/office/drawing/2014/main" id="{ACAA113D-550F-4319-B155-DF2D50762EF7}"/>
                          </a:ext>
                        </a:extLst>
                      </p:cNvPr>
                      <p:cNvSpPr txBox="1"/>
                      <p:nvPr/>
                    </p:nvSpPr>
                    <p:spPr>
                      <a:xfrm>
                        <a:off x="5389390" y="4211843"/>
                        <a:ext cx="995845" cy="584775"/>
                      </a:xfrm>
                      <a:prstGeom prst="rect">
                        <a:avLst/>
                      </a:prstGeom>
                      <a:noFill/>
                    </p:spPr>
                    <p:txBody>
                      <a:bodyPr wrap="square" rtlCol="0">
                        <a:spAutoFit/>
                      </a:bodyPr>
                      <a:lstStyle/>
                      <a:p>
                        <a:pPr algn="ctr"/>
                        <a:r>
                          <a:rPr lang="en-GB" sz="1600" dirty="0"/>
                          <a:t>Internal</a:t>
                        </a:r>
                      </a:p>
                      <a:p>
                        <a:pPr algn="ctr"/>
                        <a:r>
                          <a:rPr lang="en-GB" sz="1600" dirty="0"/>
                          <a:t>Testing </a:t>
                        </a:r>
                      </a:p>
                    </p:txBody>
                  </p:sp>
                  <p:sp>
                    <p:nvSpPr>
                      <p:cNvPr id="165" name="TextBox 164">
                        <a:extLst>
                          <a:ext uri="{FF2B5EF4-FFF2-40B4-BE49-F238E27FC236}">
                            <a16:creationId xmlns:a16="http://schemas.microsoft.com/office/drawing/2014/main" id="{7706910B-80F5-4DE7-9A1E-9B1512CDDA9E}"/>
                          </a:ext>
                        </a:extLst>
                      </p:cNvPr>
                      <p:cNvSpPr txBox="1"/>
                      <p:nvPr/>
                    </p:nvSpPr>
                    <p:spPr>
                      <a:xfrm>
                        <a:off x="5215269" y="5877231"/>
                        <a:ext cx="1425276" cy="584775"/>
                      </a:xfrm>
                      <a:prstGeom prst="rect">
                        <a:avLst/>
                      </a:prstGeom>
                      <a:noFill/>
                    </p:spPr>
                    <p:txBody>
                      <a:bodyPr wrap="square" rtlCol="0">
                        <a:spAutoFit/>
                      </a:bodyPr>
                      <a:lstStyle/>
                      <a:p>
                        <a:pPr algn="ctr"/>
                        <a:r>
                          <a:rPr lang="en-GB" sz="1600" dirty="0"/>
                          <a:t>ISDP</a:t>
                        </a:r>
                      </a:p>
                      <a:p>
                        <a:pPr algn="ctr"/>
                        <a:r>
                          <a:rPr lang="en-GB" sz="1600" dirty="0"/>
                          <a:t>Assessment</a:t>
                        </a:r>
                      </a:p>
                    </p:txBody>
                  </p:sp>
                </p:grpSp>
                <p:sp>
                  <p:nvSpPr>
                    <p:cNvPr id="158" name="TextBox 157">
                      <a:extLst>
                        <a:ext uri="{FF2B5EF4-FFF2-40B4-BE49-F238E27FC236}">
                          <a16:creationId xmlns:a16="http://schemas.microsoft.com/office/drawing/2014/main" id="{8171BF4D-7C1E-4686-A1FD-ACCA03BB20CE}"/>
                        </a:ext>
                      </a:extLst>
                    </p:cNvPr>
                    <p:cNvSpPr txBox="1"/>
                    <p:nvPr/>
                  </p:nvSpPr>
                  <p:spPr>
                    <a:xfrm>
                      <a:off x="3879969" y="4134706"/>
                      <a:ext cx="1296007" cy="400110"/>
                    </a:xfrm>
                    <a:prstGeom prst="rect">
                      <a:avLst/>
                    </a:prstGeom>
                    <a:noFill/>
                  </p:spPr>
                  <p:txBody>
                    <a:bodyPr wrap="square" rtlCol="0">
                      <a:spAutoFit/>
                    </a:bodyPr>
                    <a:lstStyle/>
                    <a:p>
                      <a:r>
                        <a:rPr lang="en-GB" sz="1000" dirty="0"/>
                        <a:t>Will I send data flows?</a:t>
                      </a:r>
                    </a:p>
                  </p:txBody>
                </p:sp>
                <p:sp>
                  <p:nvSpPr>
                    <p:cNvPr id="159" name="TextBox 158">
                      <a:extLst>
                        <a:ext uri="{FF2B5EF4-FFF2-40B4-BE49-F238E27FC236}">
                          <a16:creationId xmlns:a16="http://schemas.microsoft.com/office/drawing/2014/main" id="{08AAD45B-61CE-423C-9B89-651978A09DFE}"/>
                        </a:ext>
                      </a:extLst>
                    </p:cNvPr>
                    <p:cNvSpPr txBox="1"/>
                    <p:nvPr/>
                  </p:nvSpPr>
                  <p:spPr>
                    <a:xfrm>
                      <a:off x="3643697" y="6204028"/>
                      <a:ext cx="1620546" cy="400110"/>
                    </a:xfrm>
                    <a:prstGeom prst="rect">
                      <a:avLst/>
                    </a:prstGeom>
                    <a:noFill/>
                  </p:spPr>
                  <p:txBody>
                    <a:bodyPr wrap="square" rtlCol="0">
                      <a:spAutoFit/>
                    </a:bodyPr>
                    <a:lstStyle/>
                    <a:p>
                      <a:r>
                        <a:rPr lang="en-GB" sz="1000" dirty="0"/>
                        <a:t>Will I require </a:t>
                      </a:r>
                    </a:p>
                    <a:p>
                      <a:r>
                        <a:rPr lang="en-GB" sz="1000" dirty="0"/>
                        <a:t>access to GES or EES?</a:t>
                      </a:r>
                    </a:p>
                  </p:txBody>
                </p:sp>
              </p:grpSp>
              <p:sp>
                <p:nvSpPr>
                  <p:cNvPr id="131" name="Rectangle: Rounded Corners 130">
                    <a:extLst>
                      <a:ext uri="{FF2B5EF4-FFF2-40B4-BE49-F238E27FC236}">
                        <a16:creationId xmlns:a16="http://schemas.microsoft.com/office/drawing/2014/main" id="{9DF81610-85E3-48BB-948D-5BB18814DB10}"/>
                      </a:ext>
                    </a:extLst>
                  </p:cNvPr>
                  <p:cNvSpPr/>
                  <p:nvPr/>
                </p:nvSpPr>
                <p:spPr>
                  <a:xfrm>
                    <a:off x="2420134" y="3757998"/>
                    <a:ext cx="909886" cy="539324"/>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132" name="Rectangle: Rounded Corners 131">
                    <a:extLst>
                      <a:ext uri="{FF2B5EF4-FFF2-40B4-BE49-F238E27FC236}">
                        <a16:creationId xmlns:a16="http://schemas.microsoft.com/office/drawing/2014/main" id="{FE594DB1-3628-491A-B9E9-D196C8D1EA76}"/>
                      </a:ext>
                    </a:extLst>
                  </p:cNvPr>
                  <p:cNvSpPr/>
                  <p:nvPr/>
                </p:nvSpPr>
                <p:spPr>
                  <a:xfrm>
                    <a:off x="3536431" y="4538745"/>
                    <a:ext cx="909886" cy="539324"/>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133" name="TextBox 132">
                    <a:extLst>
                      <a:ext uri="{FF2B5EF4-FFF2-40B4-BE49-F238E27FC236}">
                        <a16:creationId xmlns:a16="http://schemas.microsoft.com/office/drawing/2014/main" id="{9C97D538-5559-451C-BCC5-975482639F68}"/>
                      </a:ext>
                    </a:extLst>
                  </p:cNvPr>
                  <p:cNvSpPr txBox="1"/>
                  <p:nvPr/>
                </p:nvSpPr>
                <p:spPr>
                  <a:xfrm>
                    <a:off x="2355743" y="3822932"/>
                    <a:ext cx="1057403" cy="400110"/>
                  </a:xfrm>
                  <a:prstGeom prst="rect">
                    <a:avLst/>
                  </a:prstGeom>
                  <a:noFill/>
                </p:spPr>
                <p:txBody>
                  <a:bodyPr wrap="square" rtlCol="0">
                    <a:spAutoFit/>
                  </a:bodyPr>
                  <a:lstStyle/>
                  <a:p>
                    <a:pPr algn="ctr"/>
                    <a:r>
                      <a:rPr lang="en-GB" sz="1000" dirty="0">
                        <a:solidFill>
                          <a:schemeClr val="bg2"/>
                        </a:solidFill>
                      </a:rPr>
                      <a:t>Gain REC</a:t>
                    </a:r>
                  </a:p>
                  <a:p>
                    <a:pPr algn="ctr"/>
                    <a:r>
                      <a:rPr lang="en-GB" sz="1000" dirty="0">
                        <a:solidFill>
                          <a:schemeClr val="bg2"/>
                        </a:solidFill>
                      </a:rPr>
                      <a:t>Portal Access</a:t>
                    </a:r>
                  </a:p>
                </p:txBody>
              </p:sp>
              <p:sp>
                <p:nvSpPr>
                  <p:cNvPr id="134" name="TextBox 133">
                    <a:extLst>
                      <a:ext uri="{FF2B5EF4-FFF2-40B4-BE49-F238E27FC236}">
                        <a16:creationId xmlns:a16="http://schemas.microsoft.com/office/drawing/2014/main" id="{90EA32ED-0CCB-4D3E-B296-0D9FD677EA36}"/>
                      </a:ext>
                    </a:extLst>
                  </p:cNvPr>
                  <p:cNvSpPr txBox="1"/>
                  <p:nvPr/>
                </p:nvSpPr>
                <p:spPr>
                  <a:xfrm>
                    <a:off x="2362816" y="4595109"/>
                    <a:ext cx="1051213" cy="461665"/>
                  </a:xfrm>
                  <a:prstGeom prst="rect">
                    <a:avLst/>
                  </a:prstGeom>
                  <a:noFill/>
                </p:spPr>
                <p:txBody>
                  <a:bodyPr wrap="square" rtlCol="0">
                    <a:spAutoFit/>
                  </a:bodyPr>
                  <a:lstStyle/>
                  <a:p>
                    <a:pPr algn="ctr"/>
                    <a:r>
                      <a:rPr lang="en-GB" sz="800" dirty="0">
                        <a:solidFill>
                          <a:schemeClr val="bg2"/>
                        </a:solidFill>
                      </a:rPr>
                      <a:t>Complete Entry </a:t>
                    </a:r>
                  </a:p>
                  <a:p>
                    <a:pPr algn="ctr"/>
                    <a:r>
                      <a:rPr lang="en-GB" sz="800" dirty="0">
                        <a:solidFill>
                          <a:schemeClr val="bg2"/>
                        </a:solidFill>
                      </a:rPr>
                      <a:t>Assessment Application Form</a:t>
                    </a:r>
                  </a:p>
                </p:txBody>
              </p:sp>
              <p:grpSp>
                <p:nvGrpSpPr>
                  <p:cNvPr id="135" name="Group 134">
                    <a:extLst>
                      <a:ext uri="{FF2B5EF4-FFF2-40B4-BE49-F238E27FC236}">
                        <a16:creationId xmlns:a16="http://schemas.microsoft.com/office/drawing/2014/main" id="{ACFCB48B-D965-49D0-A6A6-952774EBE1A9}"/>
                      </a:ext>
                    </a:extLst>
                  </p:cNvPr>
                  <p:cNvGrpSpPr/>
                  <p:nvPr/>
                </p:nvGrpSpPr>
                <p:grpSpPr>
                  <a:xfrm>
                    <a:off x="4609022" y="4408206"/>
                    <a:ext cx="391727" cy="360281"/>
                    <a:chOff x="10145576" y="306294"/>
                    <a:chExt cx="561309" cy="578758"/>
                  </a:xfrm>
                </p:grpSpPr>
                <p:sp>
                  <p:nvSpPr>
                    <p:cNvPr id="141" name="Oval 140">
                      <a:extLst>
                        <a:ext uri="{FF2B5EF4-FFF2-40B4-BE49-F238E27FC236}">
                          <a16:creationId xmlns:a16="http://schemas.microsoft.com/office/drawing/2014/main" id="{46EE1F12-5ACE-4ED3-A0F8-3085B8E0F281}"/>
                        </a:ext>
                      </a:extLst>
                    </p:cNvPr>
                    <p:cNvSpPr/>
                    <p:nvPr/>
                  </p:nvSpPr>
                  <p:spPr bwMode="gray">
                    <a:xfrm>
                      <a:off x="10145576" y="306294"/>
                      <a:ext cx="561309" cy="578758"/>
                    </a:xfrm>
                    <a:prstGeom prst="ellipse">
                      <a:avLst/>
                    </a:prstGeom>
                    <a:solidFill>
                      <a:srgbClr val="046A38"/>
                    </a:solidFill>
                    <a:ln w="120650" algn="ctr">
                      <a:solidFill>
                        <a:schemeClr val="bg2">
                          <a:alpha val="62000"/>
                        </a:schemeClr>
                      </a:solid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000" b="1" i="0" u="none" strike="noStrike" kern="1200" cap="none" spc="0" normalizeH="0" baseline="0" noProof="0">
                        <a:ln>
                          <a:noFill/>
                        </a:ln>
                        <a:solidFill>
                          <a:prstClr val="white"/>
                        </a:solidFill>
                        <a:effectLst/>
                        <a:uLnTx/>
                        <a:uFillTx/>
                        <a:latin typeface="Calibri Light"/>
                        <a:ea typeface="+mn-ea"/>
                        <a:cs typeface="+mn-cs"/>
                      </a:endParaRPr>
                    </a:p>
                  </p:txBody>
                </p:sp>
                <p:grpSp>
                  <p:nvGrpSpPr>
                    <p:cNvPr id="142" name="Group 141">
                      <a:extLst>
                        <a:ext uri="{FF2B5EF4-FFF2-40B4-BE49-F238E27FC236}">
                          <a16:creationId xmlns:a16="http://schemas.microsoft.com/office/drawing/2014/main" id="{3A1B2D9C-27DB-4583-A662-535ACBA7614C}"/>
                        </a:ext>
                      </a:extLst>
                    </p:cNvPr>
                    <p:cNvGrpSpPr/>
                    <p:nvPr/>
                  </p:nvGrpSpPr>
                  <p:grpSpPr>
                    <a:xfrm>
                      <a:off x="10263658" y="421809"/>
                      <a:ext cx="338553" cy="349613"/>
                      <a:chOff x="905454" y="918179"/>
                      <a:chExt cx="362309" cy="361971"/>
                    </a:xfrm>
                    <a:solidFill>
                      <a:schemeClr val="bg1"/>
                    </a:solidFill>
                  </p:grpSpPr>
                  <p:sp>
                    <p:nvSpPr>
                      <p:cNvPr id="143" name="Graphic 4">
                        <a:extLst>
                          <a:ext uri="{FF2B5EF4-FFF2-40B4-BE49-F238E27FC236}">
                            <a16:creationId xmlns:a16="http://schemas.microsoft.com/office/drawing/2014/main" id="{22260D12-4991-4F1E-A144-0C1DE9543B06}"/>
                          </a:ext>
                        </a:extLst>
                      </p:cNvPr>
                      <p:cNvSpPr/>
                      <p:nvPr/>
                    </p:nvSpPr>
                    <p:spPr>
                      <a:xfrm>
                        <a:off x="1072231" y="1066287"/>
                        <a:ext cx="5750" cy="9575"/>
                      </a:xfrm>
                      <a:custGeom>
                        <a:avLst/>
                        <a:gdLst>
                          <a:gd name="connsiteX0" fmla="*/ 0 w 5750"/>
                          <a:gd name="connsiteY0" fmla="*/ 9576 h 9575"/>
                          <a:gd name="connsiteX1" fmla="*/ 5751 w 5750"/>
                          <a:gd name="connsiteY1" fmla="*/ 3830 h 9575"/>
                          <a:gd name="connsiteX2" fmla="*/ 1917 w 5750"/>
                          <a:gd name="connsiteY2" fmla="*/ 0 h 9575"/>
                        </a:gdLst>
                        <a:ahLst/>
                        <a:cxnLst>
                          <a:cxn ang="0">
                            <a:pos x="connsiteX0" y="connsiteY0"/>
                          </a:cxn>
                          <a:cxn ang="0">
                            <a:pos x="connsiteX1" y="connsiteY1"/>
                          </a:cxn>
                          <a:cxn ang="0">
                            <a:pos x="connsiteX2" y="connsiteY2"/>
                          </a:cxn>
                        </a:cxnLst>
                        <a:rect l="l" t="t" r="r" b="b"/>
                        <a:pathLst>
                          <a:path w="5750" h="9575">
                            <a:moveTo>
                              <a:pt x="0" y="9576"/>
                            </a:moveTo>
                            <a:lnTo>
                              <a:pt x="5751" y="3830"/>
                            </a:lnTo>
                            <a:lnTo>
                              <a:pt x="1917" y="0"/>
                            </a:lnTo>
                            <a:close/>
                          </a:path>
                        </a:pathLst>
                      </a:custGeom>
                      <a:grpFill/>
                      <a:ln w="6390" cap="flat">
                        <a:noFill/>
                        <a:prstDash val="solid"/>
                        <a:miter/>
                      </a:ln>
                    </p:spPr>
                    <p:txBody>
                      <a:bodyPr rtlCol="0" anchor="ctr"/>
                      <a:lstStyle/>
                      <a:p>
                        <a:endParaRPr lang="en-US" sz="1050"/>
                      </a:p>
                    </p:txBody>
                  </p:sp>
                  <p:sp>
                    <p:nvSpPr>
                      <p:cNvPr id="144" name="Graphic 4">
                        <a:extLst>
                          <a:ext uri="{FF2B5EF4-FFF2-40B4-BE49-F238E27FC236}">
                            <a16:creationId xmlns:a16="http://schemas.microsoft.com/office/drawing/2014/main" id="{57D2199F-95FD-43FB-9EBB-C367D8F953A0}"/>
                          </a:ext>
                        </a:extLst>
                      </p:cNvPr>
                      <p:cNvSpPr/>
                      <p:nvPr/>
                    </p:nvSpPr>
                    <p:spPr>
                      <a:xfrm>
                        <a:off x="1096513" y="1118636"/>
                        <a:ext cx="20447" cy="33196"/>
                      </a:xfrm>
                      <a:custGeom>
                        <a:avLst/>
                        <a:gdLst>
                          <a:gd name="connsiteX0" fmla="*/ 12780 w 20447"/>
                          <a:gd name="connsiteY0" fmla="*/ 0 h 33196"/>
                          <a:gd name="connsiteX1" fmla="*/ 0 w 20447"/>
                          <a:gd name="connsiteY1" fmla="*/ 13406 h 33196"/>
                          <a:gd name="connsiteX2" fmla="*/ 20448 w 20447"/>
                          <a:gd name="connsiteY2" fmla="*/ 33197 h 33196"/>
                        </a:gdLst>
                        <a:ahLst/>
                        <a:cxnLst>
                          <a:cxn ang="0">
                            <a:pos x="connsiteX0" y="connsiteY0"/>
                          </a:cxn>
                          <a:cxn ang="0">
                            <a:pos x="connsiteX1" y="connsiteY1"/>
                          </a:cxn>
                          <a:cxn ang="0">
                            <a:pos x="connsiteX2" y="connsiteY2"/>
                          </a:cxn>
                        </a:cxnLst>
                        <a:rect l="l" t="t" r="r" b="b"/>
                        <a:pathLst>
                          <a:path w="20447" h="33196">
                            <a:moveTo>
                              <a:pt x="12780" y="0"/>
                            </a:moveTo>
                            <a:lnTo>
                              <a:pt x="0" y="13406"/>
                            </a:lnTo>
                            <a:lnTo>
                              <a:pt x="20448" y="33197"/>
                            </a:lnTo>
                            <a:close/>
                          </a:path>
                        </a:pathLst>
                      </a:custGeom>
                      <a:grpFill/>
                      <a:ln w="6390" cap="flat">
                        <a:noFill/>
                        <a:prstDash val="solid"/>
                        <a:miter/>
                      </a:ln>
                    </p:spPr>
                    <p:txBody>
                      <a:bodyPr rtlCol="0" anchor="ctr"/>
                      <a:lstStyle/>
                      <a:p>
                        <a:endParaRPr lang="en-US" sz="1050"/>
                      </a:p>
                    </p:txBody>
                  </p:sp>
                  <p:sp>
                    <p:nvSpPr>
                      <p:cNvPr id="145" name="Graphic 4">
                        <a:extLst>
                          <a:ext uri="{FF2B5EF4-FFF2-40B4-BE49-F238E27FC236}">
                            <a16:creationId xmlns:a16="http://schemas.microsoft.com/office/drawing/2014/main" id="{43E0DD35-910D-405C-9049-67D47FEDBE54}"/>
                          </a:ext>
                        </a:extLst>
                      </p:cNvPr>
                      <p:cNvSpPr/>
                      <p:nvPr/>
                    </p:nvSpPr>
                    <p:spPr>
                      <a:xfrm>
                        <a:off x="1068397" y="1103314"/>
                        <a:ext cx="37700" cy="19151"/>
                      </a:xfrm>
                      <a:custGeom>
                        <a:avLst/>
                        <a:gdLst>
                          <a:gd name="connsiteX0" fmla="*/ 0 w 37700"/>
                          <a:gd name="connsiteY0" fmla="*/ 0 h 19151"/>
                          <a:gd name="connsiteX1" fmla="*/ 19170 w 37700"/>
                          <a:gd name="connsiteY1" fmla="*/ 19152 h 19151"/>
                          <a:gd name="connsiteX2" fmla="*/ 37701 w 37700"/>
                          <a:gd name="connsiteY2" fmla="*/ 0 h 19151"/>
                        </a:gdLst>
                        <a:ahLst/>
                        <a:cxnLst>
                          <a:cxn ang="0">
                            <a:pos x="connsiteX0" y="connsiteY0"/>
                          </a:cxn>
                          <a:cxn ang="0">
                            <a:pos x="connsiteX1" y="connsiteY1"/>
                          </a:cxn>
                          <a:cxn ang="0">
                            <a:pos x="connsiteX2" y="connsiteY2"/>
                          </a:cxn>
                        </a:cxnLst>
                        <a:rect l="l" t="t" r="r" b="b"/>
                        <a:pathLst>
                          <a:path w="37700" h="19151">
                            <a:moveTo>
                              <a:pt x="0" y="0"/>
                            </a:moveTo>
                            <a:lnTo>
                              <a:pt x="19170" y="19152"/>
                            </a:lnTo>
                            <a:lnTo>
                              <a:pt x="37701" y="0"/>
                            </a:lnTo>
                            <a:close/>
                          </a:path>
                        </a:pathLst>
                      </a:custGeom>
                      <a:grpFill/>
                      <a:ln w="6390" cap="flat">
                        <a:noFill/>
                        <a:prstDash val="solid"/>
                        <a:miter/>
                      </a:ln>
                    </p:spPr>
                    <p:txBody>
                      <a:bodyPr rtlCol="0" anchor="ctr"/>
                      <a:lstStyle/>
                      <a:p>
                        <a:endParaRPr lang="en-US" sz="1050"/>
                      </a:p>
                    </p:txBody>
                  </p:sp>
                  <p:sp>
                    <p:nvSpPr>
                      <p:cNvPr id="146" name="Graphic 4">
                        <a:extLst>
                          <a:ext uri="{FF2B5EF4-FFF2-40B4-BE49-F238E27FC236}">
                            <a16:creationId xmlns:a16="http://schemas.microsoft.com/office/drawing/2014/main" id="{8AF737B8-C68F-4BB7-8415-B947A5DB9937}"/>
                          </a:ext>
                        </a:extLst>
                      </p:cNvPr>
                      <p:cNvSpPr/>
                      <p:nvPr/>
                    </p:nvSpPr>
                    <p:spPr>
                      <a:xfrm>
                        <a:off x="1056256" y="1117359"/>
                        <a:ext cx="22364" cy="37027"/>
                      </a:xfrm>
                      <a:custGeom>
                        <a:avLst/>
                        <a:gdLst>
                          <a:gd name="connsiteX0" fmla="*/ 7668 w 22364"/>
                          <a:gd name="connsiteY0" fmla="*/ 0 h 37027"/>
                          <a:gd name="connsiteX1" fmla="*/ 0 w 22364"/>
                          <a:gd name="connsiteY1" fmla="*/ 37027 h 37027"/>
                          <a:gd name="connsiteX2" fmla="*/ 22365 w 22364"/>
                          <a:gd name="connsiteY2" fmla="*/ 14683 h 37027"/>
                        </a:gdLst>
                        <a:ahLst/>
                        <a:cxnLst>
                          <a:cxn ang="0">
                            <a:pos x="connsiteX0" y="connsiteY0"/>
                          </a:cxn>
                          <a:cxn ang="0">
                            <a:pos x="connsiteX1" y="connsiteY1"/>
                          </a:cxn>
                          <a:cxn ang="0">
                            <a:pos x="connsiteX2" y="connsiteY2"/>
                          </a:cxn>
                        </a:cxnLst>
                        <a:rect l="l" t="t" r="r" b="b"/>
                        <a:pathLst>
                          <a:path w="22364" h="37027">
                            <a:moveTo>
                              <a:pt x="7668" y="0"/>
                            </a:moveTo>
                            <a:lnTo>
                              <a:pt x="0" y="37027"/>
                            </a:lnTo>
                            <a:lnTo>
                              <a:pt x="22365" y="14683"/>
                            </a:lnTo>
                            <a:close/>
                          </a:path>
                        </a:pathLst>
                      </a:custGeom>
                      <a:grpFill/>
                      <a:ln w="6390" cap="flat">
                        <a:noFill/>
                        <a:prstDash val="solid"/>
                        <a:miter/>
                      </a:ln>
                    </p:spPr>
                    <p:txBody>
                      <a:bodyPr rtlCol="0" anchor="ctr"/>
                      <a:lstStyle/>
                      <a:p>
                        <a:endParaRPr lang="en-US" sz="1050"/>
                      </a:p>
                    </p:txBody>
                  </p:sp>
                  <p:sp>
                    <p:nvSpPr>
                      <p:cNvPr id="147" name="Graphic 4">
                        <a:extLst>
                          <a:ext uri="{FF2B5EF4-FFF2-40B4-BE49-F238E27FC236}">
                            <a16:creationId xmlns:a16="http://schemas.microsoft.com/office/drawing/2014/main" id="{786361F4-86CD-4784-8C2C-42B5E497A809}"/>
                          </a:ext>
                        </a:extLst>
                      </p:cNvPr>
                      <p:cNvSpPr/>
                      <p:nvPr/>
                    </p:nvSpPr>
                    <p:spPr>
                      <a:xfrm>
                        <a:off x="1112488" y="1068841"/>
                        <a:ext cx="45368" cy="21705"/>
                      </a:xfrm>
                      <a:custGeom>
                        <a:avLst/>
                        <a:gdLst>
                          <a:gd name="connsiteX0" fmla="*/ 45368 w 45368"/>
                          <a:gd name="connsiteY0" fmla="*/ 21706 h 21705"/>
                          <a:gd name="connsiteX1" fmla="*/ 0 w 45368"/>
                          <a:gd name="connsiteY1" fmla="*/ 0 h 21705"/>
                          <a:gd name="connsiteX2" fmla="*/ 4473 w 45368"/>
                          <a:gd name="connsiteY2" fmla="*/ 21706 h 21705"/>
                        </a:gdLst>
                        <a:ahLst/>
                        <a:cxnLst>
                          <a:cxn ang="0">
                            <a:pos x="connsiteX0" y="connsiteY0"/>
                          </a:cxn>
                          <a:cxn ang="0">
                            <a:pos x="connsiteX1" y="connsiteY1"/>
                          </a:cxn>
                          <a:cxn ang="0">
                            <a:pos x="connsiteX2" y="connsiteY2"/>
                          </a:cxn>
                        </a:cxnLst>
                        <a:rect l="l" t="t" r="r" b="b"/>
                        <a:pathLst>
                          <a:path w="45368" h="21705">
                            <a:moveTo>
                              <a:pt x="45368" y="21706"/>
                            </a:moveTo>
                            <a:lnTo>
                              <a:pt x="0" y="0"/>
                            </a:lnTo>
                            <a:lnTo>
                              <a:pt x="4473" y="21706"/>
                            </a:lnTo>
                            <a:close/>
                          </a:path>
                        </a:pathLst>
                      </a:custGeom>
                      <a:grpFill/>
                      <a:ln w="6390" cap="flat">
                        <a:noFill/>
                        <a:prstDash val="solid"/>
                        <a:miter/>
                      </a:ln>
                    </p:spPr>
                    <p:txBody>
                      <a:bodyPr rtlCol="0" anchor="ctr"/>
                      <a:lstStyle/>
                      <a:p>
                        <a:endParaRPr lang="en-US" sz="1050"/>
                      </a:p>
                    </p:txBody>
                  </p:sp>
                  <p:sp>
                    <p:nvSpPr>
                      <p:cNvPr id="148" name="Graphic 4">
                        <a:extLst>
                          <a:ext uri="{FF2B5EF4-FFF2-40B4-BE49-F238E27FC236}">
                            <a16:creationId xmlns:a16="http://schemas.microsoft.com/office/drawing/2014/main" id="{B887BDD6-13D5-4563-8271-0CBB80ED9474}"/>
                          </a:ext>
                        </a:extLst>
                      </p:cNvPr>
                      <p:cNvSpPr/>
                      <p:nvPr/>
                    </p:nvSpPr>
                    <p:spPr>
                      <a:xfrm>
                        <a:off x="1096513" y="1066926"/>
                        <a:ext cx="3833" cy="7022"/>
                      </a:xfrm>
                      <a:custGeom>
                        <a:avLst/>
                        <a:gdLst>
                          <a:gd name="connsiteX0" fmla="*/ 0 w 3833"/>
                          <a:gd name="connsiteY0" fmla="*/ 3192 h 7022"/>
                          <a:gd name="connsiteX1" fmla="*/ 3834 w 3833"/>
                          <a:gd name="connsiteY1" fmla="*/ 7022 h 7022"/>
                          <a:gd name="connsiteX2" fmla="*/ 2556 w 3833"/>
                          <a:gd name="connsiteY2" fmla="*/ 0 h 7022"/>
                        </a:gdLst>
                        <a:ahLst/>
                        <a:cxnLst>
                          <a:cxn ang="0">
                            <a:pos x="connsiteX0" y="connsiteY0"/>
                          </a:cxn>
                          <a:cxn ang="0">
                            <a:pos x="connsiteX1" y="connsiteY1"/>
                          </a:cxn>
                          <a:cxn ang="0">
                            <a:pos x="connsiteX2" y="connsiteY2"/>
                          </a:cxn>
                        </a:cxnLst>
                        <a:rect l="l" t="t" r="r" b="b"/>
                        <a:pathLst>
                          <a:path w="3833" h="7022">
                            <a:moveTo>
                              <a:pt x="0" y="3192"/>
                            </a:moveTo>
                            <a:lnTo>
                              <a:pt x="3834" y="7022"/>
                            </a:lnTo>
                            <a:lnTo>
                              <a:pt x="2556" y="0"/>
                            </a:lnTo>
                            <a:close/>
                          </a:path>
                        </a:pathLst>
                      </a:custGeom>
                      <a:grpFill/>
                      <a:ln w="6390" cap="flat">
                        <a:noFill/>
                        <a:prstDash val="solid"/>
                        <a:miter/>
                      </a:ln>
                    </p:spPr>
                    <p:txBody>
                      <a:bodyPr rtlCol="0" anchor="ctr"/>
                      <a:lstStyle/>
                      <a:p>
                        <a:endParaRPr lang="en-US" sz="1050"/>
                      </a:p>
                    </p:txBody>
                  </p:sp>
                  <p:sp>
                    <p:nvSpPr>
                      <p:cNvPr id="149" name="Graphic 4">
                        <a:extLst>
                          <a:ext uri="{FF2B5EF4-FFF2-40B4-BE49-F238E27FC236}">
                            <a16:creationId xmlns:a16="http://schemas.microsoft.com/office/drawing/2014/main" id="{B6AF7B57-E0FB-48C6-8474-6B037145BF84}"/>
                          </a:ext>
                        </a:extLst>
                      </p:cNvPr>
                      <p:cNvSpPr/>
                      <p:nvPr/>
                    </p:nvSpPr>
                    <p:spPr>
                      <a:xfrm>
                        <a:off x="1075426" y="1079055"/>
                        <a:ext cx="23642" cy="11491"/>
                      </a:xfrm>
                      <a:custGeom>
                        <a:avLst/>
                        <a:gdLst>
                          <a:gd name="connsiteX0" fmla="*/ 23643 w 23642"/>
                          <a:gd name="connsiteY0" fmla="*/ 11491 h 11491"/>
                          <a:gd name="connsiteX1" fmla="*/ 11502 w 23642"/>
                          <a:gd name="connsiteY1" fmla="*/ 0 h 11491"/>
                          <a:gd name="connsiteX2" fmla="*/ 0 w 23642"/>
                          <a:gd name="connsiteY2" fmla="*/ 11491 h 11491"/>
                        </a:gdLst>
                        <a:ahLst/>
                        <a:cxnLst>
                          <a:cxn ang="0">
                            <a:pos x="connsiteX0" y="connsiteY0"/>
                          </a:cxn>
                          <a:cxn ang="0">
                            <a:pos x="connsiteX1" y="connsiteY1"/>
                          </a:cxn>
                          <a:cxn ang="0">
                            <a:pos x="connsiteX2" y="connsiteY2"/>
                          </a:cxn>
                        </a:cxnLst>
                        <a:rect l="l" t="t" r="r" b="b"/>
                        <a:pathLst>
                          <a:path w="23642" h="11491">
                            <a:moveTo>
                              <a:pt x="23643" y="11491"/>
                            </a:moveTo>
                            <a:lnTo>
                              <a:pt x="11502" y="0"/>
                            </a:lnTo>
                            <a:lnTo>
                              <a:pt x="0" y="11491"/>
                            </a:lnTo>
                            <a:close/>
                          </a:path>
                        </a:pathLst>
                      </a:custGeom>
                      <a:grpFill/>
                      <a:ln w="6390" cap="flat">
                        <a:noFill/>
                        <a:prstDash val="solid"/>
                        <a:miter/>
                      </a:ln>
                    </p:spPr>
                    <p:txBody>
                      <a:bodyPr rtlCol="0" anchor="ctr"/>
                      <a:lstStyle/>
                      <a:p>
                        <a:endParaRPr lang="en-US" sz="1050"/>
                      </a:p>
                    </p:txBody>
                  </p:sp>
                  <p:sp>
                    <p:nvSpPr>
                      <p:cNvPr id="150" name="Graphic 4">
                        <a:extLst>
                          <a:ext uri="{FF2B5EF4-FFF2-40B4-BE49-F238E27FC236}">
                            <a16:creationId xmlns:a16="http://schemas.microsoft.com/office/drawing/2014/main" id="{3E3CBAD5-B0A7-44AE-800E-AC77D808BC0A}"/>
                          </a:ext>
                        </a:extLst>
                      </p:cNvPr>
                      <p:cNvSpPr/>
                      <p:nvPr/>
                    </p:nvSpPr>
                    <p:spPr>
                      <a:xfrm>
                        <a:off x="1077343" y="1046497"/>
                        <a:ext cx="18530" cy="14044"/>
                      </a:xfrm>
                      <a:custGeom>
                        <a:avLst/>
                        <a:gdLst>
                          <a:gd name="connsiteX0" fmla="*/ 9585 w 18530"/>
                          <a:gd name="connsiteY0" fmla="*/ 14045 h 14044"/>
                          <a:gd name="connsiteX1" fmla="*/ 18531 w 18530"/>
                          <a:gd name="connsiteY1" fmla="*/ 5746 h 14044"/>
                          <a:gd name="connsiteX2" fmla="*/ 17253 w 18530"/>
                          <a:gd name="connsiteY2" fmla="*/ 0 h 14044"/>
                          <a:gd name="connsiteX3" fmla="*/ 1278 w 18530"/>
                          <a:gd name="connsiteY3" fmla="*/ 0 h 14044"/>
                          <a:gd name="connsiteX4" fmla="*/ 0 w 18530"/>
                          <a:gd name="connsiteY4" fmla="*/ 4469 h 140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530" h="14044">
                            <a:moveTo>
                              <a:pt x="9585" y="14045"/>
                            </a:moveTo>
                            <a:lnTo>
                              <a:pt x="18531" y="5746"/>
                            </a:lnTo>
                            <a:lnTo>
                              <a:pt x="17253" y="0"/>
                            </a:lnTo>
                            <a:lnTo>
                              <a:pt x="1278" y="0"/>
                            </a:lnTo>
                            <a:lnTo>
                              <a:pt x="0" y="4469"/>
                            </a:lnTo>
                            <a:close/>
                          </a:path>
                        </a:pathLst>
                      </a:custGeom>
                      <a:grpFill/>
                      <a:ln w="6390" cap="flat">
                        <a:noFill/>
                        <a:prstDash val="solid"/>
                        <a:miter/>
                      </a:ln>
                    </p:spPr>
                    <p:txBody>
                      <a:bodyPr rtlCol="0" anchor="ctr"/>
                      <a:lstStyle/>
                      <a:p>
                        <a:endParaRPr lang="en-US" sz="1050"/>
                      </a:p>
                    </p:txBody>
                  </p:sp>
                  <p:sp>
                    <p:nvSpPr>
                      <p:cNvPr id="151" name="Graphic 4">
                        <a:extLst>
                          <a:ext uri="{FF2B5EF4-FFF2-40B4-BE49-F238E27FC236}">
                            <a16:creationId xmlns:a16="http://schemas.microsoft.com/office/drawing/2014/main" id="{C871EEAB-5EBF-44BD-9474-79A6EBDA0F48}"/>
                          </a:ext>
                        </a:extLst>
                      </p:cNvPr>
                      <p:cNvSpPr/>
                      <p:nvPr/>
                    </p:nvSpPr>
                    <p:spPr>
                      <a:xfrm>
                        <a:off x="1046671" y="1140980"/>
                        <a:ext cx="79874" cy="59370"/>
                      </a:xfrm>
                      <a:custGeom>
                        <a:avLst/>
                        <a:gdLst>
                          <a:gd name="connsiteX0" fmla="*/ 40896 w 79874"/>
                          <a:gd name="connsiteY0" fmla="*/ 0 h 59370"/>
                          <a:gd name="connsiteX1" fmla="*/ 4473 w 79874"/>
                          <a:gd name="connsiteY1" fmla="*/ 36389 h 59370"/>
                          <a:gd name="connsiteX2" fmla="*/ 0 w 79874"/>
                          <a:gd name="connsiteY2" fmla="*/ 59371 h 59370"/>
                          <a:gd name="connsiteX3" fmla="*/ 12141 w 79874"/>
                          <a:gd name="connsiteY3" fmla="*/ 59371 h 59370"/>
                          <a:gd name="connsiteX4" fmla="*/ 67733 w 79874"/>
                          <a:gd name="connsiteY4" fmla="*/ 59371 h 59370"/>
                          <a:gd name="connsiteX5" fmla="*/ 79874 w 79874"/>
                          <a:gd name="connsiteY5" fmla="*/ 59371 h 59370"/>
                          <a:gd name="connsiteX6" fmla="*/ 74762 w 79874"/>
                          <a:gd name="connsiteY6" fmla="*/ 33835 h 593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9874" h="59370">
                            <a:moveTo>
                              <a:pt x="40896" y="0"/>
                            </a:moveTo>
                            <a:lnTo>
                              <a:pt x="4473" y="36389"/>
                            </a:lnTo>
                            <a:lnTo>
                              <a:pt x="0" y="59371"/>
                            </a:lnTo>
                            <a:lnTo>
                              <a:pt x="12141" y="59371"/>
                            </a:lnTo>
                            <a:lnTo>
                              <a:pt x="67733" y="59371"/>
                            </a:lnTo>
                            <a:lnTo>
                              <a:pt x="79874" y="59371"/>
                            </a:lnTo>
                            <a:lnTo>
                              <a:pt x="74762" y="33835"/>
                            </a:lnTo>
                            <a:close/>
                          </a:path>
                        </a:pathLst>
                      </a:custGeom>
                      <a:grpFill/>
                      <a:ln w="6390" cap="flat">
                        <a:noFill/>
                        <a:prstDash val="solid"/>
                        <a:miter/>
                      </a:ln>
                    </p:spPr>
                    <p:txBody>
                      <a:bodyPr rtlCol="0" anchor="ctr"/>
                      <a:lstStyle/>
                      <a:p>
                        <a:endParaRPr lang="en-US" sz="1050"/>
                      </a:p>
                    </p:txBody>
                  </p:sp>
                  <p:sp>
                    <p:nvSpPr>
                      <p:cNvPr id="152" name="Graphic 4">
                        <a:extLst>
                          <a:ext uri="{FF2B5EF4-FFF2-40B4-BE49-F238E27FC236}">
                            <a16:creationId xmlns:a16="http://schemas.microsoft.com/office/drawing/2014/main" id="{C609A2A5-C7D4-42F3-94DC-D224DD6EE867}"/>
                          </a:ext>
                        </a:extLst>
                      </p:cNvPr>
                      <p:cNvSpPr/>
                      <p:nvPr/>
                    </p:nvSpPr>
                    <p:spPr>
                      <a:xfrm>
                        <a:off x="905454" y="918179"/>
                        <a:ext cx="362309" cy="361971"/>
                      </a:xfrm>
                      <a:custGeom>
                        <a:avLst/>
                        <a:gdLst>
                          <a:gd name="connsiteX0" fmla="*/ 180835 w 362309"/>
                          <a:gd name="connsiteY0" fmla="*/ 0 h 361971"/>
                          <a:gd name="connsiteX1" fmla="*/ 0 w 362309"/>
                          <a:gd name="connsiteY1" fmla="*/ 181305 h 361971"/>
                          <a:gd name="connsiteX2" fmla="*/ 180835 w 362309"/>
                          <a:gd name="connsiteY2" fmla="*/ 361972 h 361971"/>
                          <a:gd name="connsiteX3" fmla="*/ 362309 w 362309"/>
                          <a:gd name="connsiteY3" fmla="*/ 181305 h 361971"/>
                          <a:gd name="connsiteX4" fmla="*/ 180835 w 362309"/>
                          <a:gd name="connsiteY4" fmla="*/ 0 h 361971"/>
                          <a:gd name="connsiteX5" fmla="*/ 180835 w 362309"/>
                          <a:gd name="connsiteY5" fmla="*/ 0 h 361971"/>
                          <a:gd name="connsiteX6" fmla="*/ 286269 w 362309"/>
                          <a:gd name="connsiteY6" fmla="*/ 194711 h 361971"/>
                          <a:gd name="connsiteX7" fmla="*/ 279879 w 362309"/>
                          <a:gd name="connsiteY7" fmla="*/ 201095 h 361971"/>
                          <a:gd name="connsiteX8" fmla="*/ 273489 w 362309"/>
                          <a:gd name="connsiteY8" fmla="*/ 194711 h 361971"/>
                          <a:gd name="connsiteX9" fmla="*/ 273489 w 362309"/>
                          <a:gd name="connsiteY9" fmla="*/ 185774 h 361971"/>
                          <a:gd name="connsiteX10" fmla="*/ 248569 w 362309"/>
                          <a:gd name="connsiteY10" fmla="*/ 185774 h 361971"/>
                          <a:gd name="connsiteX11" fmla="*/ 248569 w 362309"/>
                          <a:gd name="connsiteY11" fmla="*/ 194711 h 361971"/>
                          <a:gd name="connsiteX12" fmla="*/ 242179 w 362309"/>
                          <a:gd name="connsiteY12" fmla="*/ 201095 h 361971"/>
                          <a:gd name="connsiteX13" fmla="*/ 235789 w 362309"/>
                          <a:gd name="connsiteY13" fmla="*/ 194711 h 361971"/>
                          <a:gd name="connsiteX14" fmla="*/ 235789 w 362309"/>
                          <a:gd name="connsiteY14" fmla="*/ 185774 h 361971"/>
                          <a:gd name="connsiteX15" fmla="*/ 214063 w 362309"/>
                          <a:gd name="connsiteY15" fmla="*/ 185774 h 361971"/>
                          <a:gd name="connsiteX16" fmla="*/ 214063 w 362309"/>
                          <a:gd name="connsiteY16" fmla="*/ 187689 h 361971"/>
                          <a:gd name="connsiteX17" fmla="*/ 233872 w 362309"/>
                          <a:gd name="connsiteY17" fmla="*/ 282172 h 361971"/>
                          <a:gd name="connsiteX18" fmla="*/ 249208 w 362309"/>
                          <a:gd name="connsiteY18" fmla="*/ 282172 h 361971"/>
                          <a:gd name="connsiteX19" fmla="*/ 255597 w 362309"/>
                          <a:gd name="connsiteY19" fmla="*/ 288556 h 361971"/>
                          <a:gd name="connsiteX20" fmla="*/ 249208 w 362309"/>
                          <a:gd name="connsiteY20" fmla="*/ 294940 h 361971"/>
                          <a:gd name="connsiteX21" fmla="*/ 112463 w 362309"/>
                          <a:gd name="connsiteY21" fmla="*/ 294940 h 361971"/>
                          <a:gd name="connsiteX22" fmla="*/ 106073 w 362309"/>
                          <a:gd name="connsiteY22" fmla="*/ 288556 h 361971"/>
                          <a:gd name="connsiteX23" fmla="*/ 112463 w 362309"/>
                          <a:gd name="connsiteY23" fmla="*/ 282172 h 361971"/>
                          <a:gd name="connsiteX24" fmla="*/ 127799 w 362309"/>
                          <a:gd name="connsiteY24" fmla="*/ 282172 h 361971"/>
                          <a:gd name="connsiteX25" fmla="*/ 148247 w 362309"/>
                          <a:gd name="connsiteY25" fmla="*/ 185135 h 361971"/>
                          <a:gd name="connsiteX26" fmla="*/ 127799 w 362309"/>
                          <a:gd name="connsiteY26" fmla="*/ 185135 h 361971"/>
                          <a:gd name="connsiteX27" fmla="*/ 127799 w 362309"/>
                          <a:gd name="connsiteY27" fmla="*/ 194073 h 361971"/>
                          <a:gd name="connsiteX28" fmla="*/ 121409 w 362309"/>
                          <a:gd name="connsiteY28" fmla="*/ 200457 h 361971"/>
                          <a:gd name="connsiteX29" fmla="*/ 115019 w 362309"/>
                          <a:gd name="connsiteY29" fmla="*/ 194073 h 361971"/>
                          <a:gd name="connsiteX30" fmla="*/ 115019 w 362309"/>
                          <a:gd name="connsiteY30" fmla="*/ 185135 h 361971"/>
                          <a:gd name="connsiteX31" fmla="*/ 88820 w 362309"/>
                          <a:gd name="connsiteY31" fmla="*/ 185135 h 361971"/>
                          <a:gd name="connsiteX32" fmla="*/ 88820 w 362309"/>
                          <a:gd name="connsiteY32" fmla="*/ 194073 h 361971"/>
                          <a:gd name="connsiteX33" fmla="*/ 82430 w 362309"/>
                          <a:gd name="connsiteY33" fmla="*/ 200457 h 361971"/>
                          <a:gd name="connsiteX34" fmla="*/ 76040 w 362309"/>
                          <a:gd name="connsiteY34" fmla="*/ 194073 h 361971"/>
                          <a:gd name="connsiteX35" fmla="*/ 76040 w 362309"/>
                          <a:gd name="connsiteY35" fmla="*/ 178752 h 361971"/>
                          <a:gd name="connsiteX36" fmla="*/ 76040 w 362309"/>
                          <a:gd name="connsiteY36" fmla="*/ 178752 h 361971"/>
                          <a:gd name="connsiteX37" fmla="*/ 76040 w 362309"/>
                          <a:gd name="connsiteY37" fmla="*/ 178113 h 361971"/>
                          <a:gd name="connsiteX38" fmla="*/ 76040 w 362309"/>
                          <a:gd name="connsiteY38" fmla="*/ 177475 h 361971"/>
                          <a:gd name="connsiteX39" fmla="*/ 76040 w 362309"/>
                          <a:gd name="connsiteY39" fmla="*/ 175560 h 361971"/>
                          <a:gd name="connsiteX40" fmla="*/ 76679 w 362309"/>
                          <a:gd name="connsiteY40" fmla="*/ 174921 h 361971"/>
                          <a:gd name="connsiteX41" fmla="*/ 77318 w 362309"/>
                          <a:gd name="connsiteY41" fmla="*/ 173644 h 361971"/>
                          <a:gd name="connsiteX42" fmla="*/ 77957 w 362309"/>
                          <a:gd name="connsiteY42" fmla="*/ 173006 h 361971"/>
                          <a:gd name="connsiteX43" fmla="*/ 78596 w 362309"/>
                          <a:gd name="connsiteY43" fmla="*/ 172368 h 361971"/>
                          <a:gd name="connsiteX44" fmla="*/ 157831 w 362309"/>
                          <a:gd name="connsiteY44" fmla="*/ 133425 h 361971"/>
                          <a:gd name="connsiteX45" fmla="*/ 159110 w 362309"/>
                          <a:gd name="connsiteY45" fmla="*/ 127041 h 361971"/>
                          <a:gd name="connsiteX46" fmla="*/ 113102 w 362309"/>
                          <a:gd name="connsiteY46" fmla="*/ 127041 h 361971"/>
                          <a:gd name="connsiteX47" fmla="*/ 113102 w 362309"/>
                          <a:gd name="connsiteY47" fmla="*/ 132148 h 361971"/>
                          <a:gd name="connsiteX48" fmla="*/ 106712 w 362309"/>
                          <a:gd name="connsiteY48" fmla="*/ 138532 h 361971"/>
                          <a:gd name="connsiteX49" fmla="*/ 100322 w 362309"/>
                          <a:gd name="connsiteY49" fmla="*/ 132148 h 361971"/>
                          <a:gd name="connsiteX50" fmla="*/ 100322 w 362309"/>
                          <a:gd name="connsiteY50" fmla="*/ 120657 h 361971"/>
                          <a:gd name="connsiteX51" fmla="*/ 100322 w 362309"/>
                          <a:gd name="connsiteY51" fmla="*/ 120019 h 361971"/>
                          <a:gd name="connsiteX52" fmla="*/ 100961 w 362309"/>
                          <a:gd name="connsiteY52" fmla="*/ 118742 h 361971"/>
                          <a:gd name="connsiteX53" fmla="*/ 101600 w 362309"/>
                          <a:gd name="connsiteY53" fmla="*/ 118104 h 361971"/>
                          <a:gd name="connsiteX54" fmla="*/ 102239 w 362309"/>
                          <a:gd name="connsiteY54" fmla="*/ 116827 h 361971"/>
                          <a:gd name="connsiteX55" fmla="*/ 103517 w 362309"/>
                          <a:gd name="connsiteY55" fmla="*/ 116188 h 361971"/>
                          <a:gd name="connsiteX56" fmla="*/ 104156 w 362309"/>
                          <a:gd name="connsiteY56" fmla="*/ 115550 h 361971"/>
                          <a:gd name="connsiteX57" fmla="*/ 168694 w 362309"/>
                          <a:gd name="connsiteY57" fmla="*/ 84269 h 361971"/>
                          <a:gd name="connsiteX58" fmla="*/ 174445 w 362309"/>
                          <a:gd name="connsiteY58" fmla="*/ 57456 h 361971"/>
                          <a:gd name="connsiteX59" fmla="*/ 179557 w 362309"/>
                          <a:gd name="connsiteY59" fmla="*/ 51710 h 361971"/>
                          <a:gd name="connsiteX60" fmla="*/ 184030 w 362309"/>
                          <a:gd name="connsiteY60" fmla="*/ 52349 h 361971"/>
                          <a:gd name="connsiteX61" fmla="*/ 187864 w 362309"/>
                          <a:gd name="connsiteY61" fmla="*/ 58094 h 361971"/>
                          <a:gd name="connsiteX62" fmla="*/ 193615 w 362309"/>
                          <a:gd name="connsiteY62" fmla="*/ 84269 h 361971"/>
                          <a:gd name="connsiteX63" fmla="*/ 257514 w 362309"/>
                          <a:gd name="connsiteY63" fmla="*/ 115550 h 361971"/>
                          <a:gd name="connsiteX64" fmla="*/ 257514 w 362309"/>
                          <a:gd name="connsiteY64" fmla="*/ 115550 h 361971"/>
                          <a:gd name="connsiteX65" fmla="*/ 258154 w 362309"/>
                          <a:gd name="connsiteY65" fmla="*/ 115550 h 361971"/>
                          <a:gd name="connsiteX66" fmla="*/ 258792 w 362309"/>
                          <a:gd name="connsiteY66" fmla="*/ 116188 h 361971"/>
                          <a:gd name="connsiteX67" fmla="*/ 260070 w 362309"/>
                          <a:gd name="connsiteY67" fmla="*/ 117465 h 361971"/>
                          <a:gd name="connsiteX68" fmla="*/ 260709 w 362309"/>
                          <a:gd name="connsiteY68" fmla="*/ 118104 h 361971"/>
                          <a:gd name="connsiteX69" fmla="*/ 261348 w 362309"/>
                          <a:gd name="connsiteY69" fmla="*/ 119380 h 361971"/>
                          <a:gd name="connsiteX70" fmla="*/ 261348 w 362309"/>
                          <a:gd name="connsiteY70" fmla="*/ 120657 h 361971"/>
                          <a:gd name="connsiteX71" fmla="*/ 261348 w 362309"/>
                          <a:gd name="connsiteY71" fmla="*/ 121934 h 361971"/>
                          <a:gd name="connsiteX72" fmla="*/ 261348 w 362309"/>
                          <a:gd name="connsiteY72" fmla="*/ 133425 h 361971"/>
                          <a:gd name="connsiteX73" fmla="*/ 254959 w 362309"/>
                          <a:gd name="connsiteY73" fmla="*/ 139809 h 361971"/>
                          <a:gd name="connsiteX74" fmla="*/ 248569 w 362309"/>
                          <a:gd name="connsiteY74" fmla="*/ 133425 h 361971"/>
                          <a:gd name="connsiteX75" fmla="*/ 248569 w 362309"/>
                          <a:gd name="connsiteY75" fmla="*/ 128318 h 361971"/>
                          <a:gd name="connsiteX76" fmla="*/ 202561 w 362309"/>
                          <a:gd name="connsiteY76" fmla="*/ 128318 h 361971"/>
                          <a:gd name="connsiteX77" fmla="*/ 203839 w 362309"/>
                          <a:gd name="connsiteY77" fmla="*/ 134702 h 361971"/>
                          <a:gd name="connsiteX78" fmla="*/ 283074 w 362309"/>
                          <a:gd name="connsiteY78" fmla="*/ 173644 h 361971"/>
                          <a:gd name="connsiteX79" fmla="*/ 283713 w 362309"/>
                          <a:gd name="connsiteY79" fmla="*/ 174283 h 361971"/>
                          <a:gd name="connsiteX80" fmla="*/ 284991 w 362309"/>
                          <a:gd name="connsiteY80" fmla="*/ 174921 h 361971"/>
                          <a:gd name="connsiteX81" fmla="*/ 285630 w 362309"/>
                          <a:gd name="connsiteY81" fmla="*/ 175560 h 361971"/>
                          <a:gd name="connsiteX82" fmla="*/ 286269 w 362309"/>
                          <a:gd name="connsiteY82" fmla="*/ 176836 h 361971"/>
                          <a:gd name="connsiteX83" fmla="*/ 286908 w 362309"/>
                          <a:gd name="connsiteY83" fmla="*/ 179390 h 361971"/>
                          <a:gd name="connsiteX84" fmla="*/ 286269 w 362309"/>
                          <a:gd name="connsiteY84" fmla="*/ 194711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Lst>
                        <a:rect l="l" t="t" r="r" b="b"/>
                        <a:pathLst>
                          <a:path w="362309" h="361971">
                            <a:moveTo>
                              <a:pt x="180835" y="0"/>
                            </a:moveTo>
                            <a:cubicBezTo>
                              <a:pt x="80513" y="0"/>
                              <a:pt x="0" y="81077"/>
                              <a:pt x="0" y="181305"/>
                            </a:cubicBezTo>
                            <a:cubicBezTo>
                              <a:pt x="0" y="281534"/>
                              <a:pt x="81152" y="361972"/>
                              <a:pt x="180835" y="361972"/>
                            </a:cubicBezTo>
                            <a:cubicBezTo>
                              <a:pt x="280518" y="361972"/>
                              <a:pt x="362309" y="280895"/>
                              <a:pt x="362309" y="181305"/>
                            </a:cubicBezTo>
                            <a:cubicBezTo>
                              <a:pt x="362309" y="81715"/>
                              <a:pt x="281157" y="0"/>
                              <a:pt x="180835" y="0"/>
                            </a:cubicBezTo>
                            <a:cubicBezTo>
                              <a:pt x="180835" y="0"/>
                              <a:pt x="180835" y="0"/>
                              <a:pt x="180835" y="0"/>
                            </a:cubicBezTo>
                            <a:close/>
                            <a:moveTo>
                              <a:pt x="286269" y="194711"/>
                            </a:moveTo>
                            <a:cubicBezTo>
                              <a:pt x="286269" y="198542"/>
                              <a:pt x="283713" y="201095"/>
                              <a:pt x="279879" y="201095"/>
                            </a:cubicBezTo>
                            <a:cubicBezTo>
                              <a:pt x="276045" y="201095"/>
                              <a:pt x="273489" y="198542"/>
                              <a:pt x="273489" y="194711"/>
                            </a:cubicBezTo>
                            <a:lnTo>
                              <a:pt x="273489" y="185774"/>
                            </a:lnTo>
                            <a:lnTo>
                              <a:pt x="248569" y="185774"/>
                            </a:lnTo>
                            <a:lnTo>
                              <a:pt x="248569" y="194711"/>
                            </a:lnTo>
                            <a:cubicBezTo>
                              <a:pt x="248569" y="198542"/>
                              <a:pt x="246013" y="201095"/>
                              <a:pt x="242179" y="201095"/>
                            </a:cubicBezTo>
                            <a:cubicBezTo>
                              <a:pt x="238345" y="201095"/>
                              <a:pt x="235789" y="198542"/>
                              <a:pt x="235789" y="194711"/>
                            </a:cubicBezTo>
                            <a:lnTo>
                              <a:pt x="235789" y="185774"/>
                            </a:lnTo>
                            <a:lnTo>
                              <a:pt x="214063" y="185774"/>
                            </a:lnTo>
                            <a:cubicBezTo>
                              <a:pt x="214063" y="186412"/>
                              <a:pt x="214063" y="187051"/>
                              <a:pt x="214063" y="187689"/>
                            </a:cubicBezTo>
                            <a:lnTo>
                              <a:pt x="233872" y="282172"/>
                            </a:lnTo>
                            <a:lnTo>
                              <a:pt x="249208" y="282172"/>
                            </a:lnTo>
                            <a:cubicBezTo>
                              <a:pt x="253042" y="282172"/>
                              <a:pt x="255597" y="284726"/>
                              <a:pt x="255597" y="288556"/>
                            </a:cubicBezTo>
                            <a:cubicBezTo>
                              <a:pt x="255597" y="292386"/>
                              <a:pt x="253042" y="294940"/>
                              <a:pt x="249208" y="294940"/>
                            </a:cubicBezTo>
                            <a:lnTo>
                              <a:pt x="112463" y="294940"/>
                            </a:lnTo>
                            <a:cubicBezTo>
                              <a:pt x="108629" y="294940"/>
                              <a:pt x="106073" y="292386"/>
                              <a:pt x="106073" y="288556"/>
                            </a:cubicBezTo>
                            <a:cubicBezTo>
                              <a:pt x="106073" y="284726"/>
                              <a:pt x="108629" y="282172"/>
                              <a:pt x="112463" y="282172"/>
                            </a:cubicBezTo>
                            <a:lnTo>
                              <a:pt x="127799" y="282172"/>
                            </a:lnTo>
                            <a:lnTo>
                              <a:pt x="148247" y="185135"/>
                            </a:lnTo>
                            <a:lnTo>
                              <a:pt x="127799" y="185135"/>
                            </a:lnTo>
                            <a:lnTo>
                              <a:pt x="127799" y="194073"/>
                            </a:lnTo>
                            <a:cubicBezTo>
                              <a:pt x="127799" y="197903"/>
                              <a:pt x="125243" y="200457"/>
                              <a:pt x="121409" y="200457"/>
                            </a:cubicBezTo>
                            <a:cubicBezTo>
                              <a:pt x="117575" y="200457"/>
                              <a:pt x="115019" y="197903"/>
                              <a:pt x="115019" y="194073"/>
                            </a:cubicBezTo>
                            <a:lnTo>
                              <a:pt x="115019" y="185135"/>
                            </a:lnTo>
                            <a:lnTo>
                              <a:pt x="88820" y="185135"/>
                            </a:lnTo>
                            <a:lnTo>
                              <a:pt x="88820" y="194073"/>
                            </a:lnTo>
                            <a:cubicBezTo>
                              <a:pt x="88820" y="197903"/>
                              <a:pt x="86264" y="200457"/>
                              <a:pt x="82430" y="200457"/>
                            </a:cubicBezTo>
                            <a:cubicBezTo>
                              <a:pt x="78596" y="200457"/>
                              <a:pt x="76040" y="197903"/>
                              <a:pt x="76040" y="194073"/>
                            </a:cubicBezTo>
                            <a:lnTo>
                              <a:pt x="76040" y="178752"/>
                            </a:lnTo>
                            <a:lnTo>
                              <a:pt x="76040" y="178752"/>
                            </a:lnTo>
                            <a:lnTo>
                              <a:pt x="76040" y="178113"/>
                            </a:lnTo>
                            <a:cubicBezTo>
                              <a:pt x="76040" y="178113"/>
                              <a:pt x="76040" y="177475"/>
                              <a:pt x="76040" y="177475"/>
                            </a:cubicBezTo>
                            <a:cubicBezTo>
                              <a:pt x="76040" y="176836"/>
                              <a:pt x="76040" y="176198"/>
                              <a:pt x="76040" y="175560"/>
                            </a:cubicBezTo>
                            <a:cubicBezTo>
                              <a:pt x="76040" y="175560"/>
                              <a:pt x="76040" y="174921"/>
                              <a:pt x="76679" y="174921"/>
                            </a:cubicBezTo>
                            <a:cubicBezTo>
                              <a:pt x="76679" y="174283"/>
                              <a:pt x="77318" y="174283"/>
                              <a:pt x="77318" y="173644"/>
                            </a:cubicBezTo>
                            <a:lnTo>
                              <a:pt x="77957" y="173006"/>
                            </a:lnTo>
                            <a:cubicBezTo>
                              <a:pt x="77957" y="173006"/>
                              <a:pt x="78596" y="172368"/>
                              <a:pt x="78596" y="172368"/>
                            </a:cubicBezTo>
                            <a:lnTo>
                              <a:pt x="157831" y="133425"/>
                            </a:lnTo>
                            <a:lnTo>
                              <a:pt x="159110" y="127041"/>
                            </a:lnTo>
                            <a:lnTo>
                              <a:pt x="113102" y="127041"/>
                            </a:lnTo>
                            <a:lnTo>
                              <a:pt x="113102" y="132148"/>
                            </a:lnTo>
                            <a:cubicBezTo>
                              <a:pt x="113102" y="135979"/>
                              <a:pt x="110546" y="138532"/>
                              <a:pt x="106712" y="138532"/>
                            </a:cubicBezTo>
                            <a:cubicBezTo>
                              <a:pt x="102878" y="138532"/>
                              <a:pt x="100322" y="135979"/>
                              <a:pt x="100322" y="132148"/>
                            </a:cubicBezTo>
                            <a:lnTo>
                              <a:pt x="100322" y="120657"/>
                            </a:lnTo>
                            <a:cubicBezTo>
                              <a:pt x="100322" y="120657"/>
                              <a:pt x="100322" y="120019"/>
                              <a:pt x="100322" y="120019"/>
                            </a:cubicBezTo>
                            <a:cubicBezTo>
                              <a:pt x="100322" y="119380"/>
                              <a:pt x="100322" y="118742"/>
                              <a:pt x="100961" y="118742"/>
                            </a:cubicBezTo>
                            <a:cubicBezTo>
                              <a:pt x="100961" y="118104"/>
                              <a:pt x="100961" y="118104"/>
                              <a:pt x="101600" y="118104"/>
                            </a:cubicBezTo>
                            <a:cubicBezTo>
                              <a:pt x="101600" y="117465"/>
                              <a:pt x="102239" y="117465"/>
                              <a:pt x="102239" y="116827"/>
                            </a:cubicBezTo>
                            <a:cubicBezTo>
                              <a:pt x="102878" y="116188"/>
                              <a:pt x="102878" y="116188"/>
                              <a:pt x="103517" y="116188"/>
                            </a:cubicBezTo>
                            <a:lnTo>
                              <a:pt x="104156" y="115550"/>
                            </a:lnTo>
                            <a:lnTo>
                              <a:pt x="168694" y="84269"/>
                            </a:lnTo>
                            <a:lnTo>
                              <a:pt x="174445" y="57456"/>
                            </a:lnTo>
                            <a:cubicBezTo>
                              <a:pt x="174445" y="54902"/>
                              <a:pt x="176362" y="52349"/>
                              <a:pt x="179557" y="51710"/>
                            </a:cubicBezTo>
                            <a:cubicBezTo>
                              <a:pt x="180835" y="51072"/>
                              <a:pt x="182752" y="51710"/>
                              <a:pt x="184030" y="52349"/>
                            </a:cubicBezTo>
                            <a:cubicBezTo>
                              <a:pt x="185947" y="53626"/>
                              <a:pt x="187864" y="55541"/>
                              <a:pt x="187864" y="58094"/>
                            </a:cubicBezTo>
                            <a:lnTo>
                              <a:pt x="193615" y="84269"/>
                            </a:lnTo>
                            <a:lnTo>
                              <a:pt x="257514" y="115550"/>
                            </a:lnTo>
                            <a:lnTo>
                              <a:pt x="257514" y="115550"/>
                            </a:lnTo>
                            <a:lnTo>
                              <a:pt x="258154" y="115550"/>
                            </a:lnTo>
                            <a:cubicBezTo>
                              <a:pt x="258154" y="115550"/>
                              <a:pt x="258154" y="115550"/>
                              <a:pt x="258792" y="116188"/>
                            </a:cubicBezTo>
                            <a:cubicBezTo>
                              <a:pt x="259431" y="116188"/>
                              <a:pt x="259431" y="116827"/>
                              <a:pt x="260070" y="117465"/>
                            </a:cubicBezTo>
                            <a:cubicBezTo>
                              <a:pt x="260070" y="117465"/>
                              <a:pt x="260709" y="118104"/>
                              <a:pt x="260709" y="118104"/>
                            </a:cubicBezTo>
                            <a:cubicBezTo>
                              <a:pt x="260709" y="118742"/>
                              <a:pt x="261348" y="118742"/>
                              <a:pt x="261348" y="119380"/>
                            </a:cubicBezTo>
                            <a:cubicBezTo>
                              <a:pt x="261348" y="120019"/>
                              <a:pt x="261348" y="120019"/>
                              <a:pt x="261348" y="120657"/>
                            </a:cubicBezTo>
                            <a:cubicBezTo>
                              <a:pt x="261348" y="121296"/>
                              <a:pt x="261348" y="121296"/>
                              <a:pt x="261348" y="121934"/>
                            </a:cubicBezTo>
                            <a:lnTo>
                              <a:pt x="261348" y="133425"/>
                            </a:lnTo>
                            <a:cubicBezTo>
                              <a:pt x="261348" y="137256"/>
                              <a:pt x="258792" y="139809"/>
                              <a:pt x="254959" y="139809"/>
                            </a:cubicBezTo>
                            <a:cubicBezTo>
                              <a:pt x="251125" y="139809"/>
                              <a:pt x="248569" y="137256"/>
                              <a:pt x="248569" y="133425"/>
                            </a:cubicBezTo>
                            <a:lnTo>
                              <a:pt x="248569" y="128318"/>
                            </a:lnTo>
                            <a:lnTo>
                              <a:pt x="202561" y="128318"/>
                            </a:lnTo>
                            <a:lnTo>
                              <a:pt x="203839" y="134702"/>
                            </a:lnTo>
                            <a:lnTo>
                              <a:pt x="283074" y="173644"/>
                            </a:lnTo>
                            <a:cubicBezTo>
                              <a:pt x="283074" y="173644"/>
                              <a:pt x="283713" y="174283"/>
                              <a:pt x="283713" y="174283"/>
                            </a:cubicBezTo>
                            <a:cubicBezTo>
                              <a:pt x="284352" y="174283"/>
                              <a:pt x="284352" y="174921"/>
                              <a:pt x="284991" y="174921"/>
                            </a:cubicBezTo>
                            <a:cubicBezTo>
                              <a:pt x="284991" y="174921"/>
                              <a:pt x="285630" y="175560"/>
                              <a:pt x="285630" y="175560"/>
                            </a:cubicBezTo>
                            <a:cubicBezTo>
                              <a:pt x="285630" y="176198"/>
                              <a:pt x="286269" y="176198"/>
                              <a:pt x="286269" y="176836"/>
                            </a:cubicBezTo>
                            <a:cubicBezTo>
                              <a:pt x="286269" y="177475"/>
                              <a:pt x="286269" y="178113"/>
                              <a:pt x="286908" y="179390"/>
                            </a:cubicBezTo>
                            <a:lnTo>
                              <a:pt x="286269" y="194711"/>
                            </a:lnTo>
                            <a:close/>
                          </a:path>
                        </a:pathLst>
                      </a:custGeom>
                      <a:grpFill/>
                      <a:ln w="6390" cap="flat">
                        <a:noFill/>
                        <a:prstDash val="solid"/>
                        <a:miter/>
                      </a:ln>
                    </p:spPr>
                    <p:txBody>
                      <a:bodyPr rtlCol="0" anchor="ctr"/>
                      <a:lstStyle/>
                      <a:p>
                        <a:endParaRPr lang="en-US" sz="1050"/>
                      </a:p>
                    </p:txBody>
                  </p:sp>
                  <p:sp>
                    <p:nvSpPr>
                      <p:cNvPr id="153" name="Graphic 4">
                        <a:extLst>
                          <a:ext uri="{FF2B5EF4-FFF2-40B4-BE49-F238E27FC236}">
                            <a16:creationId xmlns:a16="http://schemas.microsoft.com/office/drawing/2014/main" id="{5C756A98-1D22-4689-AD3A-DBF8B150AF79}"/>
                          </a:ext>
                        </a:extLst>
                      </p:cNvPr>
                      <p:cNvSpPr/>
                      <p:nvPr/>
                    </p:nvSpPr>
                    <p:spPr>
                      <a:xfrm>
                        <a:off x="1101625" y="1019046"/>
                        <a:ext cx="30671" cy="14683"/>
                      </a:xfrm>
                      <a:custGeom>
                        <a:avLst/>
                        <a:gdLst>
                          <a:gd name="connsiteX0" fmla="*/ 30672 w 30671"/>
                          <a:gd name="connsiteY0" fmla="*/ 14683 h 14683"/>
                          <a:gd name="connsiteX1" fmla="*/ 0 w 30671"/>
                          <a:gd name="connsiteY1" fmla="*/ 0 h 14683"/>
                          <a:gd name="connsiteX2" fmla="*/ 3195 w 30671"/>
                          <a:gd name="connsiteY2" fmla="*/ 14683 h 14683"/>
                        </a:gdLst>
                        <a:ahLst/>
                        <a:cxnLst>
                          <a:cxn ang="0">
                            <a:pos x="connsiteX0" y="connsiteY0"/>
                          </a:cxn>
                          <a:cxn ang="0">
                            <a:pos x="connsiteX1" y="connsiteY1"/>
                          </a:cxn>
                          <a:cxn ang="0">
                            <a:pos x="connsiteX2" y="connsiteY2"/>
                          </a:cxn>
                        </a:cxnLst>
                        <a:rect l="l" t="t" r="r" b="b"/>
                        <a:pathLst>
                          <a:path w="30671" h="14683">
                            <a:moveTo>
                              <a:pt x="30672" y="14683"/>
                            </a:moveTo>
                            <a:lnTo>
                              <a:pt x="0" y="0"/>
                            </a:lnTo>
                            <a:lnTo>
                              <a:pt x="3195" y="14683"/>
                            </a:lnTo>
                            <a:close/>
                          </a:path>
                        </a:pathLst>
                      </a:custGeom>
                      <a:grpFill/>
                      <a:ln w="6390" cap="flat">
                        <a:noFill/>
                        <a:prstDash val="solid"/>
                        <a:miter/>
                      </a:ln>
                    </p:spPr>
                    <p:txBody>
                      <a:bodyPr rtlCol="0" anchor="ctr"/>
                      <a:lstStyle/>
                      <a:p>
                        <a:endParaRPr lang="en-US" sz="1050"/>
                      </a:p>
                    </p:txBody>
                  </p:sp>
                  <p:sp>
                    <p:nvSpPr>
                      <p:cNvPr id="154" name="Graphic 4">
                        <a:extLst>
                          <a:ext uri="{FF2B5EF4-FFF2-40B4-BE49-F238E27FC236}">
                            <a16:creationId xmlns:a16="http://schemas.microsoft.com/office/drawing/2014/main" id="{1A63482E-1176-4FEC-A693-5C5304C57769}"/>
                          </a:ext>
                        </a:extLst>
                      </p:cNvPr>
                      <p:cNvSpPr/>
                      <p:nvPr/>
                    </p:nvSpPr>
                    <p:spPr>
                      <a:xfrm>
                        <a:off x="1015360" y="1068841"/>
                        <a:ext cx="45368" cy="21705"/>
                      </a:xfrm>
                      <a:custGeom>
                        <a:avLst/>
                        <a:gdLst>
                          <a:gd name="connsiteX0" fmla="*/ 0 w 45368"/>
                          <a:gd name="connsiteY0" fmla="*/ 21706 h 21705"/>
                          <a:gd name="connsiteX1" fmla="*/ 40896 w 45368"/>
                          <a:gd name="connsiteY1" fmla="*/ 21706 h 21705"/>
                          <a:gd name="connsiteX2" fmla="*/ 45369 w 45368"/>
                          <a:gd name="connsiteY2" fmla="*/ 0 h 21705"/>
                        </a:gdLst>
                        <a:ahLst/>
                        <a:cxnLst>
                          <a:cxn ang="0">
                            <a:pos x="connsiteX0" y="connsiteY0"/>
                          </a:cxn>
                          <a:cxn ang="0">
                            <a:pos x="connsiteX1" y="connsiteY1"/>
                          </a:cxn>
                          <a:cxn ang="0">
                            <a:pos x="connsiteX2" y="connsiteY2"/>
                          </a:cxn>
                        </a:cxnLst>
                        <a:rect l="l" t="t" r="r" b="b"/>
                        <a:pathLst>
                          <a:path w="45368" h="21705">
                            <a:moveTo>
                              <a:pt x="0" y="21706"/>
                            </a:moveTo>
                            <a:lnTo>
                              <a:pt x="40896" y="21706"/>
                            </a:lnTo>
                            <a:lnTo>
                              <a:pt x="45369" y="0"/>
                            </a:lnTo>
                            <a:close/>
                          </a:path>
                        </a:pathLst>
                      </a:custGeom>
                      <a:grpFill/>
                      <a:ln w="6390" cap="flat">
                        <a:noFill/>
                        <a:prstDash val="solid"/>
                        <a:miter/>
                      </a:ln>
                    </p:spPr>
                    <p:txBody>
                      <a:bodyPr rtlCol="0" anchor="ctr"/>
                      <a:lstStyle/>
                      <a:p>
                        <a:endParaRPr lang="en-US" sz="1050"/>
                      </a:p>
                    </p:txBody>
                  </p:sp>
                  <p:sp>
                    <p:nvSpPr>
                      <p:cNvPr id="155" name="Graphic 4">
                        <a:extLst>
                          <a:ext uri="{FF2B5EF4-FFF2-40B4-BE49-F238E27FC236}">
                            <a16:creationId xmlns:a16="http://schemas.microsoft.com/office/drawing/2014/main" id="{C47E582D-6BE7-48D8-8491-74286A3DA188}"/>
                          </a:ext>
                        </a:extLst>
                      </p:cNvPr>
                      <p:cNvSpPr/>
                      <p:nvPr/>
                    </p:nvSpPr>
                    <p:spPr>
                      <a:xfrm>
                        <a:off x="1040920" y="1019046"/>
                        <a:ext cx="30671" cy="14683"/>
                      </a:xfrm>
                      <a:custGeom>
                        <a:avLst/>
                        <a:gdLst>
                          <a:gd name="connsiteX0" fmla="*/ 0 w 30671"/>
                          <a:gd name="connsiteY0" fmla="*/ 14683 h 14683"/>
                          <a:gd name="connsiteX1" fmla="*/ 27477 w 30671"/>
                          <a:gd name="connsiteY1" fmla="*/ 14683 h 14683"/>
                          <a:gd name="connsiteX2" fmla="*/ 30672 w 30671"/>
                          <a:gd name="connsiteY2" fmla="*/ 0 h 14683"/>
                        </a:gdLst>
                        <a:ahLst/>
                        <a:cxnLst>
                          <a:cxn ang="0">
                            <a:pos x="connsiteX0" y="connsiteY0"/>
                          </a:cxn>
                          <a:cxn ang="0">
                            <a:pos x="connsiteX1" y="connsiteY1"/>
                          </a:cxn>
                          <a:cxn ang="0">
                            <a:pos x="connsiteX2" y="connsiteY2"/>
                          </a:cxn>
                        </a:cxnLst>
                        <a:rect l="l" t="t" r="r" b="b"/>
                        <a:pathLst>
                          <a:path w="30671" h="14683">
                            <a:moveTo>
                              <a:pt x="0" y="14683"/>
                            </a:moveTo>
                            <a:lnTo>
                              <a:pt x="27477" y="14683"/>
                            </a:lnTo>
                            <a:lnTo>
                              <a:pt x="30672" y="0"/>
                            </a:lnTo>
                            <a:close/>
                          </a:path>
                        </a:pathLst>
                      </a:custGeom>
                      <a:grpFill/>
                      <a:ln w="6390" cap="flat">
                        <a:noFill/>
                        <a:prstDash val="solid"/>
                        <a:miter/>
                      </a:ln>
                    </p:spPr>
                    <p:txBody>
                      <a:bodyPr rtlCol="0" anchor="ctr"/>
                      <a:lstStyle/>
                      <a:p>
                        <a:endParaRPr lang="en-US" sz="1050"/>
                      </a:p>
                    </p:txBody>
                  </p:sp>
                  <p:sp>
                    <p:nvSpPr>
                      <p:cNvPr id="156" name="Graphic 4">
                        <a:extLst>
                          <a:ext uri="{FF2B5EF4-FFF2-40B4-BE49-F238E27FC236}">
                            <a16:creationId xmlns:a16="http://schemas.microsoft.com/office/drawing/2014/main" id="{E64DB917-1775-40C4-B90E-039434FE147A}"/>
                          </a:ext>
                        </a:extLst>
                      </p:cNvPr>
                      <p:cNvSpPr/>
                      <p:nvPr/>
                    </p:nvSpPr>
                    <p:spPr>
                      <a:xfrm>
                        <a:off x="1081177" y="1008193"/>
                        <a:ext cx="10862" cy="25535"/>
                      </a:xfrm>
                      <a:custGeom>
                        <a:avLst/>
                        <a:gdLst>
                          <a:gd name="connsiteX0" fmla="*/ 10863 w 10862"/>
                          <a:gd name="connsiteY0" fmla="*/ 25536 h 25535"/>
                          <a:gd name="connsiteX1" fmla="*/ 5112 w 10862"/>
                          <a:gd name="connsiteY1" fmla="*/ 0 h 25535"/>
                          <a:gd name="connsiteX2" fmla="*/ 0 w 10862"/>
                          <a:gd name="connsiteY2" fmla="*/ 25536 h 25535"/>
                        </a:gdLst>
                        <a:ahLst/>
                        <a:cxnLst>
                          <a:cxn ang="0">
                            <a:pos x="connsiteX0" y="connsiteY0"/>
                          </a:cxn>
                          <a:cxn ang="0">
                            <a:pos x="connsiteX1" y="connsiteY1"/>
                          </a:cxn>
                          <a:cxn ang="0">
                            <a:pos x="connsiteX2" y="connsiteY2"/>
                          </a:cxn>
                        </a:cxnLst>
                        <a:rect l="l" t="t" r="r" b="b"/>
                        <a:pathLst>
                          <a:path w="10862" h="25535">
                            <a:moveTo>
                              <a:pt x="10863" y="25536"/>
                            </a:moveTo>
                            <a:lnTo>
                              <a:pt x="5112" y="0"/>
                            </a:lnTo>
                            <a:lnTo>
                              <a:pt x="0" y="25536"/>
                            </a:lnTo>
                            <a:close/>
                          </a:path>
                        </a:pathLst>
                      </a:custGeom>
                      <a:grpFill/>
                      <a:ln w="6390" cap="flat">
                        <a:noFill/>
                        <a:prstDash val="solid"/>
                        <a:miter/>
                      </a:ln>
                    </p:spPr>
                    <p:txBody>
                      <a:bodyPr rtlCol="0" anchor="ctr"/>
                      <a:lstStyle/>
                      <a:p>
                        <a:endParaRPr lang="en-US" sz="1050"/>
                      </a:p>
                    </p:txBody>
                  </p:sp>
                </p:grpSp>
              </p:grpSp>
              <p:grpSp>
                <p:nvGrpSpPr>
                  <p:cNvPr id="136" name="Group 135">
                    <a:extLst>
                      <a:ext uri="{FF2B5EF4-FFF2-40B4-BE49-F238E27FC236}">
                        <a16:creationId xmlns:a16="http://schemas.microsoft.com/office/drawing/2014/main" id="{9A8EF2C8-FC2B-4276-A86F-112A693B20D9}"/>
                      </a:ext>
                    </a:extLst>
                  </p:cNvPr>
                  <p:cNvGrpSpPr/>
                  <p:nvPr/>
                </p:nvGrpSpPr>
                <p:grpSpPr>
                  <a:xfrm>
                    <a:off x="4607658" y="4873453"/>
                    <a:ext cx="391727" cy="398059"/>
                    <a:chOff x="4465675" y="2293710"/>
                    <a:chExt cx="561309" cy="578758"/>
                  </a:xfrm>
                </p:grpSpPr>
                <p:sp>
                  <p:nvSpPr>
                    <p:cNvPr id="139" name="Oval 138">
                      <a:extLst>
                        <a:ext uri="{FF2B5EF4-FFF2-40B4-BE49-F238E27FC236}">
                          <a16:creationId xmlns:a16="http://schemas.microsoft.com/office/drawing/2014/main" id="{C5DD764A-E55A-467F-AED4-6C572E4981E7}"/>
                        </a:ext>
                      </a:extLst>
                    </p:cNvPr>
                    <p:cNvSpPr/>
                    <p:nvPr/>
                  </p:nvSpPr>
                  <p:spPr bwMode="gray">
                    <a:xfrm>
                      <a:off x="4465675" y="2293710"/>
                      <a:ext cx="561309" cy="578758"/>
                    </a:xfrm>
                    <a:prstGeom prst="ellipse">
                      <a:avLst/>
                    </a:prstGeom>
                    <a:solidFill>
                      <a:schemeClr val="accent1"/>
                    </a:solidFill>
                    <a:ln w="120650" algn="ctr">
                      <a:solidFill>
                        <a:schemeClr val="bg2">
                          <a:alpha val="62000"/>
                        </a:schemeClr>
                      </a:solid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000" b="1" i="0" u="none" strike="noStrike" kern="1200" cap="none" spc="0" normalizeH="0" baseline="0" noProof="0">
                        <a:ln>
                          <a:noFill/>
                        </a:ln>
                        <a:solidFill>
                          <a:prstClr val="white"/>
                        </a:solidFill>
                        <a:effectLst/>
                        <a:uLnTx/>
                        <a:uFillTx/>
                        <a:latin typeface="Calibri Light"/>
                        <a:ea typeface="+mn-ea"/>
                        <a:cs typeface="+mn-cs"/>
                      </a:endParaRPr>
                    </a:p>
                  </p:txBody>
                </p:sp>
                <p:sp>
                  <p:nvSpPr>
                    <p:cNvPr id="140" name="Graphic 4">
                      <a:extLst>
                        <a:ext uri="{FF2B5EF4-FFF2-40B4-BE49-F238E27FC236}">
                          <a16:creationId xmlns:a16="http://schemas.microsoft.com/office/drawing/2014/main" id="{CAB149AD-DA7F-4EFF-842D-0A47191010D7}"/>
                        </a:ext>
                      </a:extLst>
                    </p:cNvPr>
                    <p:cNvSpPr>
                      <a:spLocks/>
                    </p:cNvSpPr>
                    <p:nvPr/>
                  </p:nvSpPr>
                  <p:spPr>
                    <a:xfrm>
                      <a:off x="4575237" y="2407268"/>
                      <a:ext cx="338656" cy="349183"/>
                    </a:xfrm>
                    <a:custGeom>
                      <a:avLst/>
                      <a:gdLst>
                        <a:gd name="connsiteX0" fmla="*/ 181474 w 362309"/>
                        <a:gd name="connsiteY0" fmla="*/ 0 h 361971"/>
                        <a:gd name="connsiteX1" fmla="*/ 0 w 362309"/>
                        <a:gd name="connsiteY1" fmla="*/ 180667 h 361971"/>
                        <a:gd name="connsiteX2" fmla="*/ 180835 w 362309"/>
                        <a:gd name="connsiteY2" fmla="*/ 361971 h 361971"/>
                        <a:gd name="connsiteX3" fmla="*/ 362310 w 362309"/>
                        <a:gd name="connsiteY3" fmla="*/ 181305 h 361971"/>
                        <a:gd name="connsiteX4" fmla="*/ 362310 w 362309"/>
                        <a:gd name="connsiteY4" fmla="*/ 181305 h 361971"/>
                        <a:gd name="connsiteX5" fmla="*/ 181474 w 362309"/>
                        <a:gd name="connsiteY5" fmla="*/ 0 h 361971"/>
                        <a:gd name="connsiteX6" fmla="*/ 169333 w 362309"/>
                        <a:gd name="connsiteY6" fmla="*/ 294301 h 361971"/>
                        <a:gd name="connsiteX7" fmla="*/ 163582 w 362309"/>
                        <a:gd name="connsiteY7" fmla="*/ 298770 h 361971"/>
                        <a:gd name="connsiteX8" fmla="*/ 161665 w 362309"/>
                        <a:gd name="connsiteY8" fmla="*/ 298770 h 361971"/>
                        <a:gd name="connsiteX9" fmla="*/ 88820 w 362309"/>
                        <a:gd name="connsiteY9" fmla="*/ 215140 h 361971"/>
                        <a:gd name="connsiteX10" fmla="*/ 88820 w 362309"/>
                        <a:gd name="connsiteY10" fmla="*/ 213863 h 361971"/>
                        <a:gd name="connsiteX11" fmla="*/ 138662 w 362309"/>
                        <a:gd name="connsiteY11" fmla="*/ 130872 h 361971"/>
                        <a:gd name="connsiteX12" fmla="*/ 148885 w 362309"/>
                        <a:gd name="connsiteY12" fmla="*/ 120657 h 361971"/>
                        <a:gd name="connsiteX13" fmla="*/ 157192 w 362309"/>
                        <a:gd name="connsiteY13" fmla="*/ 63840 h 361971"/>
                        <a:gd name="connsiteX14" fmla="*/ 161027 w 362309"/>
                        <a:gd name="connsiteY14" fmla="*/ 55540 h 361971"/>
                        <a:gd name="connsiteX15" fmla="*/ 166138 w 362309"/>
                        <a:gd name="connsiteY15" fmla="*/ 55540 h 361971"/>
                        <a:gd name="connsiteX16" fmla="*/ 202561 w 362309"/>
                        <a:gd name="connsiteY16" fmla="*/ 82353 h 361971"/>
                        <a:gd name="connsiteX17" fmla="*/ 228121 w 362309"/>
                        <a:gd name="connsiteY17" fmla="*/ 158961 h 361971"/>
                        <a:gd name="connsiteX18" fmla="*/ 228121 w 362309"/>
                        <a:gd name="connsiteY18" fmla="*/ 179390 h 361971"/>
                        <a:gd name="connsiteX19" fmla="*/ 232594 w 362309"/>
                        <a:gd name="connsiteY19" fmla="*/ 181305 h 361971"/>
                        <a:gd name="connsiteX20" fmla="*/ 233233 w 362309"/>
                        <a:gd name="connsiteY20" fmla="*/ 181305 h 361971"/>
                        <a:gd name="connsiteX21" fmla="*/ 240901 w 362309"/>
                        <a:gd name="connsiteY21" fmla="*/ 169814 h 361971"/>
                        <a:gd name="connsiteX22" fmla="*/ 249208 w 362309"/>
                        <a:gd name="connsiteY22" fmla="*/ 165984 h 361971"/>
                        <a:gd name="connsiteX23" fmla="*/ 253041 w 362309"/>
                        <a:gd name="connsiteY23" fmla="*/ 173006 h 361971"/>
                        <a:gd name="connsiteX24" fmla="*/ 232594 w 362309"/>
                        <a:gd name="connsiteY24" fmla="*/ 193435 h 361971"/>
                        <a:gd name="connsiteX25" fmla="*/ 217897 w 362309"/>
                        <a:gd name="connsiteY25" fmla="*/ 186412 h 361971"/>
                        <a:gd name="connsiteX26" fmla="*/ 215980 w 362309"/>
                        <a:gd name="connsiteY26" fmla="*/ 155131 h 361971"/>
                        <a:gd name="connsiteX27" fmla="*/ 173167 w 362309"/>
                        <a:gd name="connsiteY27" fmla="*/ 74692 h 361971"/>
                        <a:gd name="connsiteX28" fmla="*/ 158470 w 362309"/>
                        <a:gd name="connsiteY28" fmla="*/ 129595 h 361971"/>
                        <a:gd name="connsiteX29" fmla="*/ 147607 w 362309"/>
                        <a:gd name="connsiteY29" fmla="*/ 139809 h 361971"/>
                        <a:gd name="connsiteX30" fmla="*/ 102239 w 362309"/>
                        <a:gd name="connsiteY30" fmla="*/ 213863 h 361971"/>
                        <a:gd name="connsiteX31" fmla="*/ 102239 w 362309"/>
                        <a:gd name="connsiteY31" fmla="*/ 214502 h 361971"/>
                        <a:gd name="connsiteX32" fmla="*/ 166138 w 362309"/>
                        <a:gd name="connsiteY32" fmla="*/ 286002 h 361971"/>
                        <a:gd name="connsiteX33" fmla="*/ 169333 w 362309"/>
                        <a:gd name="connsiteY33" fmla="*/ 294301 h 361971"/>
                        <a:gd name="connsiteX34" fmla="*/ 169333 w 362309"/>
                        <a:gd name="connsiteY34" fmla="*/ 294301 h 361971"/>
                        <a:gd name="connsiteX35" fmla="*/ 175723 w 362309"/>
                        <a:gd name="connsiteY35" fmla="*/ 250252 h 361971"/>
                        <a:gd name="connsiteX36" fmla="*/ 169972 w 362309"/>
                        <a:gd name="connsiteY36" fmla="*/ 243868 h 361971"/>
                        <a:gd name="connsiteX37" fmla="*/ 157832 w 362309"/>
                        <a:gd name="connsiteY37" fmla="*/ 210671 h 361971"/>
                        <a:gd name="connsiteX38" fmla="*/ 147607 w 362309"/>
                        <a:gd name="connsiteY38" fmla="*/ 231738 h 361971"/>
                        <a:gd name="connsiteX39" fmla="*/ 147607 w 362309"/>
                        <a:gd name="connsiteY39" fmla="*/ 261743 h 361971"/>
                        <a:gd name="connsiteX40" fmla="*/ 145052 w 362309"/>
                        <a:gd name="connsiteY40" fmla="*/ 270681 h 361971"/>
                        <a:gd name="connsiteX41" fmla="*/ 145052 w 362309"/>
                        <a:gd name="connsiteY41" fmla="*/ 270681 h 361971"/>
                        <a:gd name="connsiteX42" fmla="*/ 141857 w 362309"/>
                        <a:gd name="connsiteY42" fmla="*/ 271319 h 361971"/>
                        <a:gd name="connsiteX43" fmla="*/ 136106 w 362309"/>
                        <a:gd name="connsiteY43" fmla="*/ 268127 h 361971"/>
                        <a:gd name="connsiteX44" fmla="*/ 138022 w 362309"/>
                        <a:gd name="connsiteY44" fmla="*/ 222801 h 361971"/>
                        <a:gd name="connsiteX45" fmla="*/ 143135 w 362309"/>
                        <a:gd name="connsiteY45" fmla="*/ 194711 h 361971"/>
                        <a:gd name="connsiteX46" fmla="*/ 146330 w 362309"/>
                        <a:gd name="connsiteY46" fmla="*/ 186412 h 361971"/>
                        <a:gd name="connsiteX47" fmla="*/ 152720 w 362309"/>
                        <a:gd name="connsiteY47" fmla="*/ 187051 h 361971"/>
                        <a:gd name="connsiteX48" fmla="*/ 182113 w 362309"/>
                        <a:gd name="connsiteY48" fmla="*/ 244506 h 361971"/>
                        <a:gd name="connsiteX49" fmla="*/ 175723 w 362309"/>
                        <a:gd name="connsiteY49" fmla="*/ 250252 h 361971"/>
                        <a:gd name="connsiteX50" fmla="*/ 175723 w 362309"/>
                        <a:gd name="connsiteY50" fmla="*/ 250252 h 361971"/>
                        <a:gd name="connsiteX51" fmla="*/ 269016 w 362309"/>
                        <a:gd name="connsiteY51" fmla="*/ 240676 h 361971"/>
                        <a:gd name="connsiteX52" fmla="*/ 194254 w 362309"/>
                        <a:gd name="connsiteY52" fmla="*/ 298132 h 361971"/>
                        <a:gd name="connsiteX53" fmla="*/ 194254 w 362309"/>
                        <a:gd name="connsiteY53" fmla="*/ 298132 h 361971"/>
                        <a:gd name="connsiteX54" fmla="*/ 192337 w 362309"/>
                        <a:gd name="connsiteY54" fmla="*/ 298132 h 361971"/>
                        <a:gd name="connsiteX55" fmla="*/ 192337 w 362309"/>
                        <a:gd name="connsiteY55" fmla="*/ 298132 h 361971"/>
                        <a:gd name="connsiteX56" fmla="*/ 190420 w 362309"/>
                        <a:gd name="connsiteY56" fmla="*/ 298132 h 361971"/>
                        <a:gd name="connsiteX57" fmla="*/ 189781 w 362309"/>
                        <a:gd name="connsiteY57" fmla="*/ 298132 h 361971"/>
                        <a:gd name="connsiteX58" fmla="*/ 188503 w 362309"/>
                        <a:gd name="connsiteY58" fmla="*/ 297493 h 361971"/>
                        <a:gd name="connsiteX59" fmla="*/ 187864 w 362309"/>
                        <a:gd name="connsiteY59" fmla="*/ 296855 h 361971"/>
                        <a:gd name="connsiteX60" fmla="*/ 187225 w 362309"/>
                        <a:gd name="connsiteY60" fmla="*/ 296217 h 361971"/>
                        <a:gd name="connsiteX61" fmla="*/ 186586 w 362309"/>
                        <a:gd name="connsiteY61" fmla="*/ 295578 h 361971"/>
                        <a:gd name="connsiteX62" fmla="*/ 186586 w 362309"/>
                        <a:gd name="connsiteY62" fmla="*/ 295578 h 361971"/>
                        <a:gd name="connsiteX63" fmla="*/ 186586 w 362309"/>
                        <a:gd name="connsiteY63" fmla="*/ 294940 h 361971"/>
                        <a:gd name="connsiteX64" fmla="*/ 185947 w 362309"/>
                        <a:gd name="connsiteY64" fmla="*/ 293663 h 361971"/>
                        <a:gd name="connsiteX65" fmla="*/ 185947 w 362309"/>
                        <a:gd name="connsiteY65" fmla="*/ 293025 h 361971"/>
                        <a:gd name="connsiteX66" fmla="*/ 185947 w 362309"/>
                        <a:gd name="connsiteY66" fmla="*/ 291748 h 361971"/>
                        <a:gd name="connsiteX67" fmla="*/ 185947 w 362309"/>
                        <a:gd name="connsiteY67" fmla="*/ 290471 h 361971"/>
                        <a:gd name="connsiteX68" fmla="*/ 185947 w 362309"/>
                        <a:gd name="connsiteY68" fmla="*/ 289194 h 361971"/>
                        <a:gd name="connsiteX69" fmla="*/ 186586 w 362309"/>
                        <a:gd name="connsiteY69" fmla="*/ 287917 h 361971"/>
                        <a:gd name="connsiteX70" fmla="*/ 187225 w 362309"/>
                        <a:gd name="connsiteY70" fmla="*/ 287279 h 361971"/>
                        <a:gd name="connsiteX71" fmla="*/ 188503 w 362309"/>
                        <a:gd name="connsiteY71" fmla="*/ 286641 h 361971"/>
                        <a:gd name="connsiteX72" fmla="*/ 188503 w 362309"/>
                        <a:gd name="connsiteY72" fmla="*/ 286641 h 361971"/>
                        <a:gd name="connsiteX73" fmla="*/ 216619 w 362309"/>
                        <a:gd name="connsiteY73" fmla="*/ 245783 h 361971"/>
                        <a:gd name="connsiteX74" fmla="*/ 198088 w 362309"/>
                        <a:gd name="connsiteY74" fmla="*/ 210033 h 361971"/>
                        <a:gd name="connsiteX75" fmla="*/ 180196 w 362309"/>
                        <a:gd name="connsiteY75" fmla="*/ 176198 h 361971"/>
                        <a:gd name="connsiteX76" fmla="*/ 174445 w 362309"/>
                        <a:gd name="connsiteY76" fmla="*/ 190243 h 361971"/>
                        <a:gd name="connsiteX77" fmla="*/ 166777 w 362309"/>
                        <a:gd name="connsiteY77" fmla="*/ 195350 h 361971"/>
                        <a:gd name="connsiteX78" fmla="*/ 161665 w 362309"/>
                        <a:gd name="connsiteY78" fmla="*/ 187689 h 361971"/>
                        <a:gd name="connsiteX79" fmla="*/ 161665 w 362309"/>
                        <a:gd name="connsiteY79" fmla="*/ 186412 h 361971"/>
                        <a:gd name="connsiteX80" fmla="*/ 182752 w 362309"/>
                        <a:gd name="connsiteY80" fmla="*/ 151300 h 361971"/>
                        <a:gd name="connsiteX81" fmla="*/ 190420 w 362309"/>
                        <a:gd name="connsiteY81" fmla="*/ 150662 h 361971"/>
                        <a:gd name="connsiteX82" fmla="*/ 193615 w 362309"/>
                        <a:gd name="connsiteY82" fmla="*/ 157684 h 361971"/>
                        <a:gd name="connsiteX83" fmla="*/ 205756 w 362309"/>
                        <a:gd name="connsiteY83" fmla="*/ 199819 h 361971"/>
                        <a:gd name="connsiteX84" fmla="*/ 229399 w 362309"/>
                        <a:gd name="connsiteY84" fmla="*/ 246422 h 361971"/>
                        <a:gd name="connsiteX85" fmla="*/ 221092 w 362309"/>
                        <a:gd name="connsiteY85" fmla="*/ 273234 h 361971"/>
                        <a:gd name="connsiteX86" fmla="*/ 256236 w 362309"/>
                        <a:gd name="connsiteY86" fmla="*/ 235569 h 361971"/>
                        <a:gd name="connsiteX87" fmla="*/ 242179 w 362309"/>
                        <a:gd name="connsiteY87" fmla="*/ 146193 h 361971"/>
                        <a:gd name="connsiteX88" fmla="*/ 244096 w 362309"/>
                        <a:gd name="connsiteY88" fmla="*/ 137256 h 361971"/>
                        <a:gd name="connsiteX89" fmla="*/ 253041 w 362309"/>
                        <a:gd name="connsiteY89" fmla="*/ 139171 h 361971"/>
                        <a:gd name="connsiteX90" fmla="*/ 269016 w 362309"/>
                        <a:gd name="connsiteY90" fmla="*/ 240676 h 361971"/>
                        <a:gd name="connsiteX91" fmla="*/ 269016 w 362309"/>
                        <a:gd name="connsiteY91" fmla="*/ 240676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Lst>
                      <a:rect l="l" t="t" r="r" b="b"/>
                      <a:pathLst>
                        <a:path w="362309" h="361971">
                          <a:moveTo>
                            <a:pt x="181474" y="0"/>
                          </a:moveTo>
                          <a:cubicBezTo>
                            <a:pt x="81152" y="0"/>
                            <a:pt x="0" y="81076"/>
                            <a:pt x="0" y="180667"/>
                          </a:cubicBezTo>
                          <a:cubicBezTo>
                            <a:pt x="0" y="280257"/>
                            <a:pt x="81152" y="361971"/>
                            <a:pt x="180835" y="361971"/>
                          </a:cubicBezTo>
                          <a:cubicBezTo>
                            <a:pt x="280518" y="361971"/>
                            <a:pt x="362310" y="280895"/>
                            <a:pt x="362310" y="181305"/>
                          </a:cubicBezTo>
                          <a:cubicBezTo>
                            <a:pt x="362310" y="181305"/>
                            <a:pt x="362310" y="181305"/>
                            <a:pt x="362310" y="181305"/>
                          </a:cubicBezTo>
                          <a:cubicBezTo>
                            <a:pt x="362310" y="81076"/>
                            <a:pt x="281796" y="0"/>
                            <a:pt x="181474" y="0"/>
                          </a:cubicBezTo>
                          <a:close/>
                          <a:moveTo>
                            <a:pt x="169333" y="294301"/>
                          </a:moveTo>
                          <a:cubicBezTo>
                            <a:pt x="168695" y="296855"/>
                            <a:pt x="166138" y="298770"/>
                            <a:pt x="163582" y="298770"/>
                          </a:cubicBezTo>
                          <a:cubicBezTo>
                            <a:pt x="162943" y="298770"/>
                            <a:pt x="162305" y="298770"/>
                            <a:pt x="161665" y="298770"/>
                          </a:cubicBezTo>
                          <a:cubicBezTo>
                            <a:pt x="128438" y="287917"/>
                            <a:pt x="88181" y="264297"/>
                            <a:pt x="88820" y="215140"/>
                          </a:cubicBezTo>
                          <a:lnTo>
                            <a:pt x="88820" y="213863"/>
                          </a:lnTo>
                          <a:cubicBezTo>
                            <a:pt x="88820" y="178113"/>
                            <a:pt x="117575" y="150662"/>
                            <a:pt x="138662" y="130872"/>
                          </a:cubicBezTo>
                          <a:cubicBezTo>
                            <a:pt x="142496" y="127041"/>
                            <a:pt x="145690" y="123849"/>
                            <a:pt x="148885" y="120657"/>
                          </a:cubicBezTo>
                          <a:cubicBezTo>
                            <a:pt x="169333" y="99590"/>
                            <a:pt x="157192" y="64478"/>
                            <a:pt x="157192" y="63840"/>
                          </a:cubicBezTo>
                          <a:cubicBezTo>
                            <a:pt x="155915" y="60648"/>
                            <a:pt x="157832" y="56817"/>
                            <a:pt x="161027" y="55540"/>
                          </a:cubicBezTo>
                          <a:cubicBezTo>
                            <a:pt x="162943" y="54902"/>
                            <a:pt x="164221" y="54902"/>
                            <a:pt x="166138" y="55540"/>
                          </a:cubicBezTo>
                          <a:cubicBezTo>
                            <a:pt x="179557" y="62563"/>
                            <a:pt x="191698" y="71500"/>
                            <a:pt x="202561" y="82353"/>
                          </a:cubicBezTo>
                          <a:cubicBezTo>
                            <a:pt x="225565" y="105336"/>
                            <a:pt x="234511" y="132148"/>
                            <a:pt x="228121" y="158961"/>
                          </a:cubicBezTo>
                          <a:cubicBezTo>
                            <a:pt x="226204" y="165345"/>
                            <a:pt x="224926" y="175560"/>
                            <a:pt x="228121" y="179390"/>
                          </a:cubicBezTo>
                          <a:cubicBezTo>
                            <a:pt x="228760" y="180028"/>
                            <a:pt x="229399" y="181305"/>
                            <a:pt x="232594" y="181305"/>
                          </a:cubicBezTo>
                          <a:lnTo>
                            <a:pt x="233233" y="181305"/>
                          </a:lnTo>
                          <a:cubicBezTo>
                            <a:pt x="233233" y="181305"/>
                            <a:pt x="237706" y="180667"/>
                            <a:pt x="240901" y="169814"/>
                          </a:cubicBezTo>
                          <a:cubicBezTo>
                            <a:pt x="242179" y="166622"/>
                            <a:pt x="246013" y="164707"/>
                            <a:pt x="249208" y="165984"/>
                          </a:cubicBezTo>
                          <a:cubicBezTo>
                            <a:pt x="252403" y="167260"/>
                            <a:pt x="253681" y="170452"/>
                            <a:pt x="253041" y="173006"/>
                          </a:cubicBezTo>
                          <a:cubicBezTo>
                            <a:pt x="247291" y="192796"/>
                            <a:pt x="235150" y="193435"/>
                            <a:pt x="232594" y="193435"/>
                          </a:cubicBezTo>
                          <a:cubicBezTo>
                            <a:pt x="226843" y="193435"/>
                            <a:pt x="221731" y="190881"/>
                            <a:pt x="217897" y="186412"/>
                          </a:cubicBezTo>
                          <a:cubicBezTo>
                            <a:pt x="210229" y="175560"/>
                            <a:pt x="215341" y="157046"/>
                            <a:pt x="215980" y="155131"/>
                          </a:cubicBezTo>
                          <a:cubicBezTo>
                            <a:pt x="225565" y="116188"/>
                            <a:pt x="192337" y="87460"/>
                            <a:pt x="173167" y="74692"/>
                          </a:cubicBezTo>
                          <a:cubicBezTo>
                            <a:pt x="175084" y="89376"/>
                            <a:pt x="175084" y="112358"/>
                            <a:pt x="158470" y="129595"/>
                          </a:cubicBezTo>
                          <a:cubicBezTo>
                            <a:pt x="155275" y="132787"/>
                            <a:pt x="151442" y="136617"/>
                            <a:pt x="147607" y="139809"/>
                          </a:cubicBezTo>
                          <a:cubicBezTo>
                            <a:pt x="127160" y="158961"/>
                            <a:pt x="102239" y="183220"/>
                            <a:pt x="102239" y="213863"/>
                          </a:cubicBezTo>
                          <a:lnTo>
                            <a:pt x="102239" y="214502"/>
                          </a:lnTo>
                          <a:cubicBezTo>
                            <a:pt x="102239" y="247698"/>
                            <a:pt x="123326" y="271958"/>
                            <a:pt x="166138" y="286002"/>
                          </a:cubicBezTo>
                          <a:cubicBezTo>
                            <a:pt x="168695" y="287279"/>
                            <a:pt x="170611" y="291109"/>
                            <a:pt x="169333" y="294301"/>
                          </a:cubicBezTo>
                          <a:lnTo>
                            <a:pt x="169333" y="294301"/>
                          </a:lnTo>
                          <a:close/>
                          <a:moveTo>
                            <a:pt x="175723" y="250252"/>
                          </a:moveTo>
                          <a:cubicBezTo>
                            <a:pt x="172528" y="250252"/>
                            <a:pt x="169972" y="247060"/>
                            <a:pt x="169972" y="243868"/>
                          </a:cubicBezTo>
                          <a:cubicBezTo>
                            <a:pt x="169972" y="231738"/>
                            <a:pt x="165500" y="219609"/>
                            <a:pt x="157832" y="210671"/>
                          </a:cubicBezTo>
                          <a:cubicBezTo>
                            <a:pt x="156553" y="218332"/>
                            <a:pt x="152720" y="225993"/>
                            <a:pt x="147607" y="231738"/>
                          </a:cubicBezTo>
                          <a:cubicBezTo>
                            <a:pt x="146330" y="233015"/>
                            <a:pt x="136745" y="243230"/>
                            <a:pt x="147607" y="261743"/>
                          </a:cubicBezTo>
                          <a:cubicBezTo>
                            <a:pt x="149525" y="264935"/>
                            <a:pt x="148247" y="268766"/>
                            <a:pt x="145052" y="270681"/>
                          </a:cubicBezTo>
                          <a:cubicBezTo>
                            <a:pt x="145052" y="270681"/>
                            <a:pt x="145052" y="270681"/>
                            <a:pt x="145052" y="270681"/>
                          </a:cubicBezTo>
                          <a:cubicBezTo>
                            <a:pt x="143774" y="271319"/>
                            <a:pt x="143135" y="271319"/>
                            <a:pt x="141857" y="271319"/>
                          </a:cubicBezTo>
                          <a:cubicBezTo>
                            <a:pt x="139301" y="271319"/>
                            <a:pt x="137384" y="270042"/>
                            <a:pt x="136106" y="268127"/>
                          </a:cubicBezTo>
                          <a:cubicBezTo>
                            <a:pt x="123326" y="246422"/>
                            <a:pt x="131633" y="229185"/>
                            <a:pt x="138022" y="222801"/>
                          </a:cubicBezTo>
                          <a:cubicBezTo>
                            <a:pt x="145052" y="215140"/>
                            <a:pt x="146969" y="204287"/>
                            <a:pt x="143135" y="194711"/>
                          </a:cubicBezTo>
                          <a:cubicBezTo>
                            <a:pt x="141857" y="191519"/>
                            <a:pt x="143135" y="187689"/>
                            <a:pt x="146330" y="186412"/>
                          </a:cubicBezTo>
                          <a:cubicBezTo>
                            <a:pt x="148247" y="185135"/>
                            <a:pt x="150802" y="185774"/>
                            <a:pt x="152720" y="187051"/>
                          </a:cubicBezTo>
                          <a:cubicBezTo>
                            <a:pt x="153997" y="188327"/>
                            <a:pt x="183391" y="211948"/>
                            <a:pt x="182113" y="244506"/>
                          </a:cubicBezTo>
                          <a:cubicBezTo>
                            <a:pt x="182113" y="247698"/>
                            <a:pt x="179557" y="250252"/>
                            <a:pt x="175723" y="250252"/>
                          </a:cubicBezTo>
                          <a:lnTo>
                            <a:pt x="175723" y="250252"/>
                          </a:lnTo>
                          <a:close/>
                          <a:moveTo>
                            <a:pt x="269016" y="240676"/>
                          </a:moveTo>
                          <a:cubicBezTo>
                            <a:pt x="258154" y="268127"/>
                            <a:pt x="233233" y="287279"/>
                            <a:pt x="194254" y="298132"/>
                          </a:cubicBezTo>
                          <a:lnTo>
                            <a:pt x="194254" y="298132"/>
                          </a:lnTo>
                          <a:lnTo>
                            <a:pt x="192337" y="298132"/>
                          </a:lnTo>
                          <a:lnTo>
                            <a:pt x="192337" y="298132"/>
                          </a:lnTo>
                          <a:cubicBezTo>
                            <a:pt x="191698" y="298132"/>
                            <a:pt x="191059" y="298132"/>
                            <a:pt x="190420" y="298132"/>
                          </a:cubicBezTo>
                          <a:lnTo>
                            <a:pt x="189781" y="298132"/>
                          </a:lnTo>
                          <a:lnTo>
                            <a:pt x="188503" y="297493"/>
                          </a:lnTo>
                          <a:lnTo>
                            <a:pt x="187864" y="296855"/>
                          </a:lnTo>
                          <a:lnTo>
                            <a:pt x="187225" y="296217"/>
                          </a:lnTo>
                          <a:cubicBezTo>
                            <a:pt x="187225" y="296217"/>
                            <a:pt x="187225" y="296217"/>
                            <a:pt x="186586" y="295578"/>
                          </a:cubicBezTo>
                          <a:lnTo>
                            <a:pt x="186586" y="295578"/>
                          </a:lnTo>
                          <a:cubicBezTo>
                            <a:pt x="186586" y="295578"/>
                            <a:pt x="186586" y="295578"/>
                            <a:pt x="186586" y="294940"/>
                          </a:cubicBezTo>
                          <a:cubicBezTo>
                            <a:pt x="186586" y="294301"/>
                            <a:pt x="185947" y="294301"/>
                            <a:pt x="185947" y="293663"/>
                          </a:cubicBezTo>
                          <a:cubicBezTo>
                            <a:pt x="185947" y="293663"/>
                            <a:pt x="185947" y="293663"/>
                            <a:pt x="185947" y="293025"/>
                          </a:cubicBezTo>
                          <a:cubicBezTo>
                            <a:pt x="185947" y="292386"/>
                            <a:pt x="185947" y="292386"/>
                            <a:pt x="185947" y="291748"/>
                          </a:cubicBezTo>
                          <a:cubicBezTo>
                            <a:pt x="185947" y="291109"/>
                            <a:pt x="185947" y="291109"/>
                            <a:pt x="185947" y="290471"/>
                          </a:cubicBezTo>
                          <a:cubicBezTo>
                            <a:pt x="185947" y="289833"/>
                            <a:pt x="185947" y="289833"/>
                            <a:pt x="185947" y="289194"/>
                          </a:cubicBezTo>
                          <a:lnTo>
                            <a:pt x="186586" y="287917"/>
                          </a:lnTo>
                          <a:lnTo>
                            <a:pt x="187225" y="287279"/>
                          </a:lnTo>
                          <a:cubicBezTo>
                            <a:pt x="187225" y="286641"/>
                            <a:pt x="187864" y="286641"/>
                            <a:pt x="188503" y="286641"/>
                          </a:cubicBezTo>
                          <a:lnTo>
                            <a:pt x="188503" y="286641"/>
                          </a:lnTo>
                          <a:cubicBezTo>
                            <a:pt x="211507" y="272596"/>
                            <a:pt x="215980" y="257913"/>
                            <a:pt x="216619" y="245783"/>
                          </a:cubicBezTo>
                          <a:cubicBezTo>
                            <a:pt x="217258" y="236207"/>
                            <a:pt x="216619" y="225993"/>
                            <a:pt x="198088" y="210033"/>
                          </a:cubicBezTo>
                          <a:cubicBezTo>
                            <a:pt x="187864" y="201734"/>
                            <a:pt x="181474" y="188966"/>
                            <a:pt x="180196" y="176198"/>
                          </a:cubicBezTo>
                          <a:cubicBezTo>
                            <a:pt x="177640" y="180667"/>
                            <a:pt x="175723" y="185135"/>
                            <a:pt x="174445" y="190243"/>
                          </a:cubicBezTo>
                          <a:cubicBezTo>
                            <a:pt x="173806" y="193435"/>
                            <a:pt x="170611" y="195988"/>
                            <a:pt x="166777" y="195350"/>
                          </a:cubicBezTo>
                          <a:cubicBezTo>
                            <a:pt x="162943" y="194711"/>
                            <a:pt x="161027" y="191519"/>
                            <a:pt x="161665" y="187689"/>
                          </a:cubicBezTo>
                          <a:cubicBezTo>
                            <a:pt x="161665" y="187051"/>
                            <a:pt x="161665" y="187051"/>
                            <a:pt x="161665" y="186412"/>
                          </a:cubicBezTo>
                          <a:cubicBezTo>
                            <a:pt x="164860" y="173006"/>
                            <a:pt x="172528" y="160238"/>
                            <a:pt x="182752" y="151300"/>
                          </a:cubicBezTo>
                          <a:cubicBezTo>
                            <a:pt x="184669" y="149385"/>
                            <a:pt x="187864" y="149385"/>
                            <a:pt x="190420" y="150662"/>
                          </a:cubicBezTo>
                          <a:cubicBezTo>
                            <a:pt x="192976" y="151939"/>
                            <a:pt x="193615" y="154492"/>
                            <a:pt x="193615" y="157684"/>
                          </a:cubicBezTo>
                          <a:cubicBezTo>
                            <a:pt x="189142" y="173006"/>
                            <a:pt x="194254" y="188966"/>
                            <a:pt x="205756" y="199819"/>
                          </a:cubicBezTo>
                          <a:cubicBezTo>
                            <a:pt x="226843" y="217694"/>
                            <a:pt x="230677" y="231100"/>
                            <a:pt x="229399" y="246422"/>
                          </a:cubicBezTo>
                          <a:cubicBezTo>
                            <a:pt x="228760" y="255998"/>
                            <a:pt x="226204" y="264935"/>
                            <a:pt x="221092" y="273234"/>
                          </a:cubicBezTo>
                          <a:cubicBezTo>
                            <a:pt x="237067" y="265574"/>
                            <a:pt x="249208" y="252167"/>
                            <a:pt x="256236" y="235569"/>
                          </a:cubicBezTo>
                          <a:cubicBezTo>
                            <a:pt x="272211" y="194711"/>
                            <a:pt x="242179" y="146832"/>
                            <a:pt x="242179" y="146193"/>
                          </a:cubicBezTo>
                          <a:cubicBezTo>
                            <a:pt x="240261" y="143001"/>
                            <a:pt x="241540" y="139171"/>
                            <a:pt x="244096" y="137256"/>
                          </a:cubicBezTo>
                          <a:cubicBezTo>
                            <a:pt x="246651" y="135340"/>
                            <a:pt x="251124" y="136617"/>
                            <a:pt x="253041" y="139171"/>
                          </a:cubicBezTo>
                          <a:cubicBezTo>
                            <a:pt x="255597" y="141724"/>
                            <a:pt x="287547" y="194073"/>
                            <a:pt x="269016" y="240676"/>
                          </a:cubicBezTo>
                          <a:lnTo>
                            <a:pt x="269016" y="240676"/>
                          </a:lnTo>
                          <a:close/>
                        </a:path>
                      </a:pathLst>
                    </a:custGeom>
                    <a:solidFill>
                      <a:schemeClr val="bg1"/>
                    </a:solidFill>
                    <a:ln w="6390" cap="flat">
                      <a:noFill/>
                      <a:prstDash val="solid"/>
                      <a:miter/>
                    </a:ln>
                  </p:spPr>
                  <p:txBody>
                    <a:bodyPr rtlCol="0" anchor="ctr"/>
                    <a:lstStyle/>
                    <a:p>
                      <a:endParaRPr lang="en-US" sz="1050"/>
                    </a:p>
                  </p:txBody>
                </p:sp>
              </p:grpSp>
              <p:sp>
                <p:nvSpPr>
                  <p:cNvPr id="137" name="TextBox 136">
                    <a:extLst>
                      <a:ext uri="{FF2B5EF4-FFF2-40B4-BE49-F238E27FC236}">
                        <a16:creationId xmlns:a16="http://schemas.microsoft.com/office/drawing/2014/main" id="{BC45DE05-8C53-4A6D-9A11-DE13CAD0689A}"/>
                      </a:ext>
                    </a:extLst>
                  </p:cNvPr>
                  <p:cNvSpPr txBox="1"/>
                  <p:nvPr/>
                </p:nvSpPr>
                <p:spPr>
                  <a:xfrm>
                    <a:off x="3471070" y="4611894"/>
                    <a:ext cx="1054043" cy="400110"/>
                  </a:xfrm>
                  <a:prstGeom prst="rect">
                    <a:avLst/>
                  </a:prstGeom>
                  <a:noFill/>
                </p:spPr>
                <p:txBody>
                  <a:bodyPr wrap="square" rtlCol="0">
                    <a:spAutoFit/>
                  </a:bodyPr>
                  <a:lstStyle/>
                  <a:p>
                    <a:pPr algn="ctr"/>
                    <a:r>
                      <a:rPr lang="en-GB" sz="1000" dirty="0">
                        <a:solidFill>
                          <a:schemeClr val="bg2"/>
                        </a:solidFill>
                      </a:rPr>
                      <a:t>Complete REC </a:t>
                    </a:r>
                  </a:p>
                  <a:p>
                    <a:pPr algn="ctr"/>
                    <a:r>
                      <a:rPr lang="en-GB" sz="1000" dirty="0">
                        <a:solidFill>
                          <a:schemeClr val="bg2"/>
                        </a:solidFill>
                      </a:rPr>
                      <a:t>Accession</a:t>
                    </a:r>
                  </a:p>
                </p:txBody>
              </p:sp>
              <p:sp>
                <p:nvSpPr>
                  <p:cNvPr id="138" name="Double Brace 137">
                    <a:extLst>
                      <a:ext uri="{FF2B5EF4-FFF2-40B4-BE49-F238E27FC236}">
                        <a16:creationId xmlns:a16="http://schemas.microsoft.com/office/drawing/2014/main" id="{56036342-5265-449B-8472-6FBB63016851}"/>
                      </a:ext>
                    </a:extLst>
                  </p:cNvPr>
                  <p:cNvSpPr/>
                  <p:nvPr/>
                </p:nvSpPr>
                <p:spPr>
                  <a:xfrm>
                    <a:off x="4483054" y="4510440"/>
                    <a:ext cx="633140" cy="584775"/>
                  </a:xfrm>
                  <a:prstGeom prst="bracePair">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grpSp>
          </p:grpSp>
        </p:grpSp>
        <p:grpSp>
          <p:nvGrpSpPr>
            <p:cNvPr id="182" name="Group 181">
              <a:extLst>
                <a:ext uri="{FF2B5EF4-FFF2-40B4-BE49-F238E27FC236}">
                  <a16:creationId xmlns:a16="http://schemas.microsoft.com/office/drawing/2014/main" id="{9813B523-077F-419E-B0DA-5C6EF0762E53}"/>
                </a:ext>
              </a:extLst>
            </p:cNvPr>
            <p:cNvGrpSpPr/>
            <p:nvPr/>
          </p:nvGrpSpPr>
          <p:grpSpPr>
            <a:xfrm>
              <a:off x="11605954" y="3737038"/>
              <a:ext cx="487998" cy="2015848"/>
              <a:chOff x="3286161" y="5202320"/>
              <a:chExt cx="487998" cy="2015848"/>
            </a:xfrm>
          </p:grpSpPr>
          <p:sp>
            <p:nvSpPr>
              <p:cNvPr id="180" name="Rectangle: Rounded Corners 179">
                <a:extLst>
                  <a:ext uri="{FF2B5EF4-FFF2-40B4-BE49-F238E27FC236}">
                    <a16:creationId xmlns:a16="http://schemas.microsoft.com/office/drawing/2014/main" id="{F089DBC3-F427-488A-8F6E-6824D7AA8AA8}"/>
                  </a:ext>
                </a:extLst>
              </p:cNvPr>
              <p:cNvSpPr/>
              <p:nvPr/>
            </p:nvSpPr>
            <p:spPr>
              <a:xfrm>
                <a:off x="3286161" y="5256910"/>
                <a:ext cx="487998" cy="1906090"/>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181" name="TextBox 180">
                <a:extLst>
                  <a:ext uri="{FF2B5EF4-FFF2-40B4-BE49-F238E27FC236}">
                    <a16:creationId xmlns:a16="http://schemas.microsoft.com/office/drawing/2014/main" id="{4335297A-9691-4C23-AC95-3292C5A4C0B2}"/>
                  </a:ext>
                </a:extLst>
              </p:cNvPr>
              <p:cNvSpPr txBox="1"/>
              <p:nvPr/>
            </p:nvSpPr>
            <p:spPr>
              <a:xfrm rot="16200000">
                <a:off x="2539129" y="6056355"/>
                <a:ext cx="2015848" cy="307777"/>
              </a:xfrm>
              <a:prstGeom prst="rect">
                <a:avLst/>
              </a:prstGeom>
              <a:noFill/>
            </p:spPr>
            <p:txBody>
              <a:bodyPr wrap="square" rtlCol="0">
                <a:spAutoFit/>
              </a:bodyPr>
              <a:lstStyle/>
              <a:p>
                <a:pPr algn="ctr"/>
                <a:r>
                  <a:rPr lang="en-GB" sz="1200" dirty="0">
                    <a:solidFill>
                      <a:schemeClr val="bg2"/>
                    </a:solidFill>
                  </a:rPr>
                  <a:t>Annual </a:t>
                </a:r>
                <a:r>
                  <a:rPr lang="en-GB" sz="1400" dirty="0">
                    <a:solidFill>
                      <a:schemeClr val="bg2"/>
                    </a:solidFill>
                  </a:rPr>
                  <a:t>Maintenance</a:t>
                </a:r>
                <a:endParaRPr lang="en-GB" sz="1200" dirty="0">
                  <a:solidFill>
                    <a:schemeClr val="bg2"/>
                  </a:solidFill>
                </a:endParaRPr>
              </a:p>
            </p:txBody>
          </p:sp>
        </p:grpSp>
        <p:cxnSp>
          <p:nvCxnSpPr>
            <p:cNvPr id="183" name="Straight Arrow Connector 182">
              <a:extLst>
                <a:ext uri="{FF2B5EF4-FFF2-40B4-BE49-F238E27FC236}">
                  <a16:creationId xmlns:a16="http://schemas.microsoft.com/office/drawing/2014/main" id="{F5C51290-498A-498B-87A5-3E0307D94F83}"/>
                </a:ext>
              </a:extLst>
            </p:cNvPr>
            <p:cNvCxnSpPr>
              <a:cxnSpLocks/>
            </p:cNvCxnSpPr>
            <p:nvPr/>
          </p:nvCxnSpPr>
          <p:spPr>
            <a:xfrm>
              <a:off x="11399446" y="4776290"/>
              <a:ext cx="187133"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sp>
        <p:nvSpPr>
          <p:cNvPr id="190" name="TextBox 189">
            <a:extLst>
              <a:ext uri="{FF2B5EF4-FFF2-40B4-BE49-F238E27FC236}">
                <a16:creationId xmlns:a16="http://schemas.microsoft.com/office/drawing/2014/main" id="{03E3E4B3-5781-4AF9-A814-F7446AE10551}"/>
              </a:ext>
            </a:extLst>
          </p:cNvPr>
          <p:cNvSpPr txBox="1"/>
          <p:nvPr/>
        </p:nvSpPr>
        <p:spPr>
          <a:xfrm>
            <a:off x="2726296" y="6163641"/>
            <a:ext cx="7014728" cy="369332"/>
          </a:xfrm>
          <a:prstGeom prst="rect">
            <a:avLst/>
          </a:prstGeom>
          <a:noFill/>
        </p:spPr>
        <p:txBody>
          <a:bodyPr wrap="square" rtlCol="0">
            <a:spAutoFit/>
          </a:bodyPr>
          <a:lstStyle/>
          <a:p>
            <a:r>
              <a:rPr lang="en-GB" sz="800" dirty="0"/>
              <a:t>*For electricity MEMs, you'll need to confirm your sealing IDs to the Code Manager before you receive your provisional one-year certificate* </a:t>
            </a:r>
          </a:p>
          <a:p>
            <a:endParaRPr lang="en-GB" sz="1000" dirty="0"/>
          </a:p>
        </p:txBody>
      </p:sp>
    </p:spTree>
    <p:extLst>
      <p:ext uri="{BB962C8B-B14F-4D97-AF65-F5344CB8AC3E}">
        <p14:creationId xmlns:p14="http://schemas.microsoft.com/office/powerpoint/2010/main" val="65639063"/>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Rectangle 38">
            <a:extLst>
              <a:ext uri="{FF2B5EF4-FFF2-40B4-BE49-F238E27FC236}">
                <a16:creationId xmlns:a16="http://schemas.microsoft.com/office/drawing/2014/main" id="{E090B00B-5EAE-4BDA-B1B3-0561E7F4D302}"/>
              </a:ext>
            </a:extLst>
          </p:cNvPr>
          <p:cNvSpPr/>
          <p:nvPr/>
        </p:nvSpPr>
        <p:spPr>
          <a:xfrm>
            <a:off x="2522957" y="1957219"/>
            <a:ext cx="3533068" cy="1569660"/>
          </a:xfrm>
          <a:prstGeom prst="rect">
            <a:avLst/>
          </a:prstGeom>
        </p:spPr>
        <p:txBody>
          <a:bodyPr wrap="square">
            <a:spAutoFit/>
          </a:bodyPr>
          <a:lstStyle/>
          <a:p>
            <a:r>
              <a:rPr lang="en-GB" sz="1200" dirty="0">
                <a:ea typeface="Arial" panose="020B0604020202020204" pitchFamily="34" charset="0"/>
                <a:cs typeface="Arial" panose="020B0604020202020204" pitchFamily="34" charset="0"/>
              </a:rPr>
              <a:t>As part of the Business Solution Assessment (BSA), you will need to submit evidence relating to the following areas so that the Code Manager can decide whether you meet the requirements of the CoP to proceed with the process for obtaining your gas and/or electricity accreditation.</a:t>
            </a:r>
          </a:p>
          <a:p>
            <a:endParaRPr lang="en-GB" sz="1200" dirty="0">
              <a:ea typeface="Arial" panose="020B0604020202020204" pitchFamily="34" charset="0"/>
              <a:cs typeface="Arial" panose="020B0604020202020204" pitchFamily="34" charset="0"/>
            </a:endParaRPr>
          </a:p>
        </p:txBody>
      </p:sp>
      <p:grpSp>
        <p:nvGrpSpPr>
          <p:cNvPr id="5" name="Group 4">
            <a:extLst>
              <a:ext uri="{FF2B5EF4-FFF2-40B4-BE49-F238E27FC236}">
                <a16:creationId xmlns:a16="http://schemas.microsoft.com/office/drawing/2014/main" id="{16D2A509-BE63-24F5-A6EE-24505A8B9103}"/>
              </a:ext>
            </a:extLst>
          </p:cNvPr>
          <p:cNvGrpSpPr/>
          <p:nvPr/>
        </p:nvGrpSpPr>
        <p:grpSpPr>
          <a:xfrm>
            <a:off x="6582184" y="1997662"/>
            <a:ext cx="5162892" cy="4620890"/>
            <a:chOff x="6100937" y="2035044"/>
            <a:chExt cx="5162892" cy="4620890"/>
          </a:xfrm>
        </p:grpSpPr>
        <p:sp>
          <p:nvSpPr>
            <p:cNvPr id="124" name="Rectangle 123">
              <a:extLst>
                <a:ext uri="{FF2B5EF4-FFF2-40B4-BE49-F238E27FC236}">
                  <a16:creationId xmlns:a16="http://schemas.microsoft.com/office/drawing/2014/main" id="{03533E1F-7B51-440C-B892-C60FCE96DFB9}"/>
                </a:ext>
              </a:extLst>
            </p:cNvPr>
            <p:cNvSpPr/>
            <p:nvPr/>
          </p:nvSpPr>
          <p:spPr>
            <a:xfrm>
              <a:off x="7289221" y="4649148"/>
              <a:ext cx="1053912"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Method of communication for RGMA</a:t>
              </a:r>
            </a:p>
          </p:txBody>
        </p:sp>
        <p:sp>
          <p:nvSpPr>
            <p:cNvPr id="125" name="Rectangle 124">
              <a:extLst>
                <a:ext uri="{FF2B5EF4-FFF2-40B4-BE49-F238E27FC236}">
                  <a16:creationId xmlns:a16="http://schemas.microsoft.com/office/drawing/2014/main" id="{32D218CF-56DD-4956-9770-96DF135C78B8}"/>
                </a:ext>
              </a:extLst>
            </p:cNvPr>
            <p:cNvSpPr/>
            <p:nvPr/>
          </p:nvSpPr>
          <p:spPr>
            <a:xfrm>
              <a:off x="6214390" y="5246126"/>
              <a:ext cx="1053912"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Internal audit processes</a:t>
              </a:r>
            </a:p>
          </p:txBody>
        </p:sp>
        <p:sp>
          <p:nvSpPr>
            <p:cNvPr id="131" name="Rectangle 130">
              <a:extLst>
                <a:ext uri="{FF2B5EF4-FFF2-40B4-BE49-F238E27FC236}">
                  <a16:creationId xmlns:a16="http://schemas.microsoft.com/office/drawing/2014/main" id="{4B0D0321-5E6D-448F-9F78-74AA0BCEA588}"/>
                </a:ext>
              </a:extLst>
            </p:cNvPr>
            <p:cNvSpPr/>
            <p:nvPr/>
          </p:nvSpPr>
          <p:spPr>
            <a:xfrm>
              <a:off x="6214389" y="2697109"/>
              <a:ext cx="1053912"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Contact details for engineers</a:t>
              </a:r>
            </a:p>
          </p:txBody>
        </p:sp>
        <p:sp>
          <p:nvSpPr>
            <p:cNvPr id="132" name="Rectangle 131">
              <a:extLst>
                <a:ext uri="{FF2B5EF4-FFF2-40B4-BE49-F238E27FC236}">
                  <a16:creationId xmlns:a16="http://schemas.microsoft.com/office/drawing/2014/main" id="{FA0C1F4D-8B3B-47E6-8740-35185E623B5C}"/>
                </a:ext>
              </a:extLst>
            </p:cNvPr>
            <p:cNvSpPr/>
            <p:nvPr/>
          </p:nvSpPr>
          <p:spPr>
            <a:xfrm>
              <a:off x="7289223" y="2697109"/>
              <a:ext cx="1053912"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dirty="0">
                  <a:solidFill>
                    <a:schemeClr val="tx1"/>
                  </a:solidFill>
                </a:rPr>
                <a:t>Training processes</a:t>
              </a:r>
            </a:p>
          </p:txBody>
        </p:sp>
        <p:sp>
          <p:nvSpPr>
            <p:cNvPr id="133" name="Rectangle 132">
              <a:extLst>
                <a:ext uri="{FF2B5EF4-FFF2-40B4-BE49-F238E27FC236}">
                  <a16:creationId xmlns:a16="http://schemas.microsoft.com/office/drawing/2014/main" id="{78944AD8-A34E-4F9A-AB0C-8612314ABD5A}"/>
                </a:ext>
              </a:extLst>
            </p:cNvPr>
            <p:cNvSpPr/>
            <p:nvPr/>
          </p:nvSpPr>
          <p:spPr>
            <a:xfrm>
              <a:off x="6214389" y="4649148"/>
              <a:ext cx="1053912"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Meter install, removal, and commissioning processes</a:t>
              </a:r>
            </a:p>
          </p:txBody>
        </p:sp>
        <p:sp>
          <p:nvSpPr>
            <p:cNvPr id="134" name="Rectangle 133">
              <a:extLst>
                <a:ext uri="{FF2B5EF4-FFF2-40B4-BE49-F238E27FC236}">
                  <a16:creationId xmlns:a16="http://schemas.microsoft.com/office/drawing/2014/main" id="{BAB26C74-CF49-421F-9660-683169EEB016}"/>
                </a:ext>
              </a:extLst>
            </p:cNvPr>
            <p:cNvSpPr/>
            <p:nvPr/>
          </p:nvSpPr>
          <p:spPr>
            <a:xfrm>
              <a:off x="6214389" y="3350891"/>
              <a:ext cx="1053912"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Health and safety processes</a:t>
              </a:r>
            </a:p>
          </p:txBody>
        </p:sp>
        <p:sp>
          <p:nvSpPr>
            <p:cNvPr id="135" name="Rectangle 134">
              <a:extLst>
                <a:ext uri="{FF2B5EF4-FFF2-40B4-BE49-F238E27FC236}">
                  <a16:creationId xmlns:a16="http://schemas.microsoft.com/office/drawing/2014/main" id="{E6BC2997-1F7C-418C-A8E0-58FF53625E4C}"/>
                </a:ext>
              </a:extLst>
            </p:cNvPr>
            <p:cNvSpPr/>
            <p:nvPr/>
          </p:nvSpPr>
          <p:spPr>
            <a:xfrm>
              <a:off x="7289221" y="3350891"/>
              <a:ext cx="1053912"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Policies for vulnerable customers</a:t>
              </a:r>
            </a:p>
          </p:txBody>
        </p:sp>
        <p:sp>
          <p:nvSpPr>
            <p:cNvPr id="136" name="Rectangle 135">
              <a:extLst>
                <a:ext uri="{FF2B5EF4-FFF2-40B4-BE49-F238E27FC236}">
                  <a16:creationId xmlns:a16="http://schemas.microsoft.com/office/drawing/2014/main" id="{6ECD366B-3A48-47B7-95FE-B87A79196F12}"/>
                </a:ext>
              </a:extLst>
            </p:cNvPr>
            <p:cNvSpPr/>
            <p:nvPr/>
          </p:nvSpPr>
          <p:spPr>
            <a:xfrm>
              <a:off x="6218523" y="3995366"/>
              <a:ext cx="1053912"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Records relating to competency of staff</a:t>
              </a:r>
            </a:p>
          </p:txBody>
        </p:sp>
        <p:sp>
          <p:nvSpPr>
            <p:cNvPr id="137" name="Rectangle 136">
              <a:extLst>
                <a:ext uri="{FF2B5EF4-FFF2-40B4-BE49-F238E27FC236}">
                  <a16:creationId xmlns:a16="http://schemas.microsoft.com/office/drawing/2014/main" id="{4647BAEB-340A-47CB-9877-34F25471F4A0}"/>
                </a:ext>
              </a:extLst>
            </p:cNvPr>
            <p:cNvSpPr/>
            <p:nvPr/>
          </p:nvSpPr>
          <p:spPr>
            <a:xfrm>
              <a:off x="7289222" y="3995366"/>
              <a:ext cx="1053912"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Sub-contractor processes</a:t>
              </a:r>
            </a:p>
          </p:txBody>
        </p:sp>
        <p:sp>
          <p:nvSpPr>
            <p:cNvPr id="48" name="Rectangle 47">
              <a:extLst>
                <a:ext uri="{FF2B5EF4-FFF2-40B4-BE49-F238E27FC236}">
                  <a16:creationId xmlns:a16="http://schemas.microsoft.com/office/drawing/2014/main" id="{8E6DDE0B-BE38-4748-B644-1338304F6DFF}"/>
                </a:ext>
              </a:extLst>
            </p:cNvPr>
            <p:cNvSpPr/>
            <p:nvPr/>
          </p:nvSpPr>
          <p:spPr>
            <a:xfrm rot="5400000">
              <a:off x="4991411" y="3156185"/>
              <a:ext cx="4607091" cy="2388040"/>
            </a:xfrm>
            <a:prstGeom prst="rect">
              <a:avLst/>
            </a:prstGeom>
            <a:noFill/>
            <a:ln w="25400" cap="flat" cmpd="sng" algn="ctr">
              <a:solidFill>
                <a:schemeClr val="accent1"/>
              </a:solidFill>
              <a:prstDash val="dash"/>
            </a:ln>
            <a:effectLst/>
          </p:spPr>
          <p:txBody>
            <a:bodyPr vert="vert270" tIns="391903" rIns="32659" rtlCol="0" anchor="t"/>
            <a:lstStyle/>
            <a:p>
              <a:pPr marL="0" marR="0" lvl="0" indent="0" algn="ctr" defTabSz="829544" eaLnBrk="1" fontAlgn="auto" latinLnBrk="0" hangingPunct="1">
                <a:lnSpc>
                  <a:spcPct val="100000"/>
                </a:lnSpc>
                <a:spcBef>
                  <a:spcPts val="0"/>
                </a:spcBef>
                <a:spcAft>
                  <a:spcPts val="0"/>
                </a:spcAft>
                <a:buClrTx/>
                <a:buSzTx/>
                <a:buFontTx/>
                <a:buNone/>
                <a:tabLst/>
                <a:defRPr/>
              </a:pPr>
              <a:endParaRPr kumimoji="0" lang="en-GB" sz="1000" b="0" i="0" u="none" strike="noStrike" kern="0" cap="none" spc="0" normalizeH="0" baseline="0" noProof="0">
                <a:ln>
                  <a:noFill/>
                </a:ln>
                <a:solidFill>
                  <a:prstClr val="black"/>
                </a:solidFill>
                <a:effectLst/>
                <a:uLnTx/>
                <a:uFillTx/>
                <a:latin typeface="Roboto" panose="02000000000000000000"/>
              </a:endParaRPr>
            </a:p>
          </p:txBody>
        </p:sp>
        <p:sp>
          <p:nvSpPr>
            <p:cNvPr id="52" name="Rectangle 51">
              <a:extLst>
                <a:ext uri="{FF2B5EF4-FFF2-40B4-BE49-F238E27FC236}">
                  <a16:creationId xmlns:a16="http://schemas.microsoft.com/office/drawing/2014/main" id="{8B577BB4-F641-4C76-A674-3BE0784FF6E7}"/>
                </a:ext>
              </a:extLst>
            </p:cNvPr>
            <p:cNvSpPr/>
            <p:nvPr/>
          </p:nvSpPr>
          <p:spPr>
            <a:xfrm>
              <a:off x="6164209" y="2286902"/>
              <a:ext cx="2203704" cy="286602"/>
            </a:xfrm>
            <a:prstGeom prst="rect">
              <a:avLst/>
            </a:prstGeom>
            <a:solidFill>
              <a:schemeClr val="accent1"/>
            </a:solidFill>
            <a:ln>
              <a:solidFill>
                <a:srgbClr val="A0C6B3"/>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1050" b="1" dirty="0">
                  <a:solidFill>
                    <a:schemeClr val="bg2"/>
                  </a:solidFill>
                </a:rPr>
                <a:t>Gas MI &amp; Gas MEM</a:t>
              </a:r>
            </a:p>
          </p:txBody>
        </p:sp>
        <p:sp>
          <p:nvSpPr>
            <p:cNvPr id="61" name="Rectangle 60">
              <a:extLst>
                <a:ext uri="{FF2B5EF4-FFF2-40B4-BE49-F238E27FC236}">
                  <a16:creationId xmlns:a16="http://schemas.microsoft.com/office/drawing/2014/main" id="{F6746AD4-3D3E-47FE-8B7B-FD56F1FCEDFD}"/>
                </a:ext>
              </a:extLst>
            </p:cNvPr>
            <p:cNvSpPr/>
            <p:nvPr/>
          </p:nvSpPr>
          <p:spPr>
            <a:xfrm rot="5400000">
              <a:off x="7759364" y="3151469"/>
              <a:ext cx="4620890" cy="2388040"/>
            </a:xfrm>
            <a:prstGeom prst="rect">
              <a:avLst/>
            </a:prstGeom>
            <a:noFill/>
            <a:ln w="25400" cap="flat" cmpd="sng" algn="ctr">
              <a:solidFill>
                <a:srgbClr val="046A38"/>
              </a:solidFill>
              <a:prstDash val="dash"/>
            </a:ln>
            <a:effectLst/>
          </p:spPr>
          <p:txBody>
            <a:bodyPr vert="vert270" tIns="391903" rIns="32659" rtlCol="0" anchor="t"/>
            <a:lstStyle/>
            <a:p>
              <a:pPr marL="0" marR="0" lvl="0" indent="0" algn="ctr" defTabSz="829544" eaLnBrk="1" fontAlgn="auto" latinLnBrk="0" hangingPunct="1">
                <a:lnSpc>
                  <a:spcPct val="100000"/>
                </a:lnSpc>
                <a:spcBef>
                  <a:spcPts val="0"/>
                </a:spcBef>
                <a:spcAft>
                  <a:spcPts val="0"/>
                </a:spcAft>
                <a:buClrTx/>
                <a:buSzTx/>
                <a:buFontTx/>
                <a:buNone/>
                <a:tabLst/>
                <a:defRPr/>
              </a:pPr>
              <a:endParaRPr kumimoji="0" lang="en-GB" sz="1000" b="0" i="0" u="none" strike="noStrike" kern="0" cap="none" spc="0" normalizeH="0" baseline="0" noProof="0">
                <a:ln>
                  <a:noFill/>
                </a:ln>
                <a:solidFill>
                  <a:prstClr val="black"/>
                </a:solidFill>
                <a:effectLst/>
                <a:uLnTx/>
                <a:uFillTx/>
                <a:latin typeface="Roboto" panose="02000000000000000000"/>
              </a:endParaRPr>
            </a:p>
          </p:txBody>
        </p:sp>
        <p:sp>
          <p:nvSpPr>
            <p:cNvPr id="67" name="Rectangle 66">
              <a:extLst>
                <a:ext uri="{FF2B5EF4-FFF2-40B4-BE49-F238E27FC236}">
                  <a16:creationId xmlns:a16="http://schemas.microsoft.com/office/drawing/2014/main" id="{91FD1582-B3DC-4CF8-9350-24DE3EBAD095}"/>
                </a:ext>
              </a:extLst>
            </p:cNvPr>
            <p:cNvSpPr/>
            <p:nvPr/>
          </p:nvSpPr>
          <p:spPr>
            <a:xfrm>
              <a:off x="8920945" y="2287022"/>
              <a:ext cx="2203704" cy="286602"/>
            </a:xfrm>
            <a:prstGeom prst="rect">
              <a:avLst/>
            </a:prstGeom>
            <a:solidFill>
              <a:srgbClr val="046A38"/>
            </a:solidFill>
            <a:ln>
              <a:solidFill>
                <a:srgbClr val="A0C6B3"/>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1050" b="1" dirty="0">
                  <a:solidFill>
                    <a:schemeClr val="bg2"/>
                  </a:solidFill>
                </a:rPr>
                <a:t>Electricity MEM</a:t>
              </a:r>
            </a:p>
          </p:txBody>
        </p:sp>
        <p:sp>
          <p:nvSpPr>
            <p:cNvPr id="138" name="Rectangle 137">
              <a:extLst>
                <a:ext uri="{FF2B5EF4-FFF2-40B4-BE49-F238E27FC236}">
                  <a16:creationId xmlns:a16="http://schemas.microsoft.com/office/drawing/2014/main" id="{D5C18623-C780-47E4-A0AE-3DC739B712C0}"/>
                </a:ext>
              </a:extLst>
            </p:cNvPr>
            <p:cNvSpPr/>
            <p:nvPr/>
          </p:nvSpPr>
          <p:spPr>
            <a:xfrm>
              <a:off x="10022795" y="4649148"/>
              <a:ext cx="1053912" cy="549716"/>
            </a:xfrm>
            <a:prstGeom prst="rect">
              <a:avLst/>
            </a:prstGeom>
            <a:solidFill>
              <a:schemeClr val="bg2"/>
            </a:solidFill>
            <a:ln>
              <a:solidFill>
                <a:srgbClr val="046A38"/>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Provisional registration</a:t>
              </a:r>
            </a:p>
          </p:txBody>
        </p:sp>
        <p:sp>
          <p:nvSpPr>
            <p:cNvPr id="141" name="Rectangle 140">
              <a:extLst>
                <a:ext uri="{FF2B5EF4-FFF2-40B4-BE49-F238E27FC236}">
                  <a16:creationId xmlns:a16="http://schemas.microsoft.com/office/drawing/2014/main" id="{CF9E9812-B4C5-411E-9C3F-4BA78E9A84DE}"/>
                </a:ext>
              </a:extLst>
            </p:cNvPr>
            <p:cNvSpPr/>
            <p:nvPr/>
          </p:nvSpPr>
          <p:spPr>
            <a:xfrm>
              <a:off x="8947963" y="2697109"/>
              <a:ext cx="1053912" cy="549716"/>
            </a:xfrm>
            <a:prstGeom prst="rect">
              <a:avLst/>
            </a:prstGeom>
            <a:solidFill>
              <a:schemeClr val="bg2"/>
            </a:solidFill>
            <a:ln>
              <a:solidFill>
                <a:srgbClr val="046A38"/>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Org chart</a:t>
              </a:r>
            </a:p>
          </p:txBody>
        </p:sp>
        <p:sp>
          <p:nvSpPr>
            <p:cNvPr id="142" name="Rectangle 141">
              <a:extLst>
                <a:ext uri="{FF2B5EF4-FFF2-40B4-BE49-F238E27FC236}">
                  <a16:creationId xmlns:a16="http://schemas.microsoft.com/office/drawing/2014/main" id="{89B81EDE-38ED-4622-B676-4CC34784D069}"/>
                </a:ext>
              </a:extLst>
            </p:cNvPr>
            <p:cNvSpPr/>
            <p:nvPr/>
          </p:nvSpPr>
          <p:spPr>
            <a:xfrm>
              <a:off x="10022797" y="2697109"/>
              <a:ext cx="1053912" cy="549716"/>
            </a:xfrm>
            <a:prstGeom prst="rect">
              <a:avLst/>
            </a:prstGeom>
            <a:solidFill>
              <a:schemeClr val="bg2"/>
            </a:solidFill>
            <a:ln>
              <a:solidFill>
                <a:srgbClr val="046A38"/>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Agents and sub-contractors</a:t>
              </a:r>
            </a:p>
          </p:txBody>
        </p:sp>
        <p:sp>
          <p:nvSpPr>
            <p:cNvPr id="143" name="Rectangle 142">
              <a:extLst>
                <a:ext uri="{FF2B5EF4-FFF2-40B4-BE49-F238E27FC236}">
                  <a16:creationId xmlns:a16="http://schemas.microsoft.com/office/drawing/2014/main" id="{14AB1307-6464-41AA-950B-6ED10B4916B5}"/>
                </a:ext>
              </a:extLst>
            </p:cNvPr>
            <p:cNvSpPr/>
            <p:nvPr/>
          </p:nvSpPr>
          <p:spPr>
            <a:xfrm>
              <a:off x="8947963" y="4649148"/>
              <a:ext cx="1053912" cy="549716"/>
            </a:xfrm>
            <a:prstGeom prst="rect">
              <a:avLst/>
            </a:prstGeom>
            <a:solidFill>
              <a:schemeClr val="bg2"/>
            </a:solidFill>
            <a:ln>
              <a:solidFill>
                <a:srgbClr val="046A38"/>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Technical competency</a:t>
              </a:r>
            </a:p>
          </p:txBody>
        </p:sp>
        <p:sp>
          <p:nvSpPr>
            <p:cNvPr id="144" name="Rectangle 143">
              <a:extLst>
                <a:ext uri="{FF2B5EF4-FFF2-40B4-BE49-F238E27FC236}">
                  <a16:creationId xmlns:a16="http://schemas.microsoft.com/office/drawing/2014/main" id="{3EF202B3-9C2E-4E7E-9689-454DB5AE440D}"/>
                </a:ext>
              </a:extLst>
            </p:cNvPr>
            <p:cNvSpPr/>
            <p:nvPr/>
          </p:nvSpPr>
          <p:spPr>
            <a:xfrm>
              <a:off x="8947963" y="3350891"/>
              <a:ext cx="1053912" cy="549716"/>
            </a:xfrm>
            <a:prstGeom prst="rect">
              <a:avLst/>
            </a:prstGeom>
            <a:solidFill>
              <a:schemeClr val="bg2"/>
            </a:solidFill>
            <a:ln>
              <a:solidFill>
                <a:srgbClr val="046A38"/>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Insurance</a:t>
              </a:r>
            </a:p>
          </p:txBody>
        </p:sp>
        <p:sp>
          <p:nvSpPr>
            <p:cNvPr id="145" name="Rectangle 144">
              <a:extLst>
                <a:ext uri="{FF2B5EF4-FFF2-40B4-BE49-F238E27FC236}">
                  <a16:creationId xmlns:a16="http://schemas.microsoft.com/office/drawing/2014/main" id="{E55D3A11-DF07-4138-8655-83F9F1A2C340}"/>
                </a:ext>
              </a:extLst>
            </p:cNvPr>
            <p:cNvSpPr/>
            <p:nvPr/>
          </p:nvSpPr>
          <p:spPr>
            <a:xfrm>
              <a:off x="10022795" y="3350891"/>
              <a:ext cx="1053912" cy="549716"/>
            </a:xfrm>
            <a:prstGeom prst="rect">
              <a:avLst/>
            </a:prstGeom>
            <a:solidFill>
              <a:schemeClr val="bg2"/>
            </a:solidFill>
            <a:ln>
              <a:solidFill>
                <a:srgbClr val="046A38"/>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Company policy</a:t>
              </a:r>
            </a:p>
          </p:txBody>
        </p:sp>
        <p:sp>
          <p:nvSpPr>
            <p:cNvPr id="146" name="Rectangle 145">
              <a:extLst>
                <a:ext uri="{FF2B5EF4-FFF2-40B4-BE49-F238E27FC236}">
                  <a16:creationId xmlns:a16="http://schemas.microsoft.com/office/drawing/2014/main" id="{0DCC7BC1-2B97-4486-B575-53588182CDE3}"/>
                </a:ext>
              </a:extLst>
            </p:cNvPr>
            <p:cNvSpPr/>
            <p:nvPr/>
          </p:nvSpPr>
          <p:spPr>
            <a:xfrm>
              <a:off x="8952097" y="3995366"/>
              <a:ext cx="1053912" cy="549716"/>
            </a:xfrm>
            <a:prstGeom prst="rect">
              <a:avLst/>
            </a:prstGeom>
            <a:solidFill>
              <a:schemeClr val="bg2"/>
            </a:solidFill>
            <a:ln>
              <a:solidFill>
                <a:srgbClr val="046A38"/>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Training and expertise</a:t>
              </a:r>
            </a:p>
          </p:txBody>
        </p:sp>
        <p:sp>
          <p:nvSpPr>
            <p:cNvPr id="147" name="Rectangle 146">
              <a:extLst>
                <a:ext uri="{FF2B5EF4-FFF2-40B4-BE49-F238E27FC236}">
                  <a16:creationId xmlns:a16="http://schemas.microsoft.com/office/drawing/2014/main" id="{26C832E4-9E66-4BF7-89C8-98B3460136FC}"/>
                </a:ext>
              </a:extLst>
            </p:cNvPr>
            <p:cNvSpPr/>
            <p:nvPr/>
          </p:nvSpPr>
          <p:spPr>
            <a:xfrm>
              <a:off x="10022796" y="3995366"/>
              <a:ext cx="1053912" cy="549716"/>
            </a:xfrm>
            <a:prstGeom prst="rect">
              <a:avLst/>
            </a:prstGeom>
            <a:solidFill>
              <a:schemeClr val="bg2"/>
            </a:solidFill>
            <a:ln>
              <a:solidFill>
                <a:srgbClr val="046A38"/>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Working practices</a:t>
              </a:r>
            </a:p>
          </p:txBody>
        </p:sp>
        <p:sp>
          <p:nvSpPr>
            <p:cNvPr id="79" name="Rectangle 78">
              <a:extLst>
                <a:ext uri="{FF2B5EF4-FFF2-40B4-BE49-F238E27FC236}">
                  <a16:creationId xmlns:a16="http://schemas.microsoft.com/office/drawing/2014/main" id="{87A0CC73-B988-4D50-A5EF-36F2C9FF008E}"/>
                </a:ext>
              </a:extLst>
            </p:cNvPr>
            <p:cNvSpPr/>
            <p:nvPr/>
          </p:nvSpPr>
          <p:spPr>
            <a:xfrm>
              <a:off x="7289221" y="5246126"/>
              <a:ext cx="1053912"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GT authorisation processes</a:t>
              </a:r>
            </a:p>
          </p:txBody>
        </p:sp>
        <p:sp>
          <p:nvSpPr>
            <p:cNvPr id="80" name="Rectangle 79">
              <a:extLst>
                <a:ext uri="{FF2B5EF4-FFF2-40B4-BE49-F238E27FC236}">
                  <a16:creationId xmlns:a16="http://schemas.microsoft.com/office/drawing/2014/main" id="{D8BE754B-F0B5-4FB9-AA4F-DE17F654327C}"/>
                </a:ext>
              </a:extLst>
            </p:cNvPr>
            <p:cNvSpPr/>
            <p:nvPr/>
          </p:nvSpPr>
          <p:spPr>
            <a:xfrm>
              <a:off x="6218523" y="5852808"/>
              <a:ext cx="1053912"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Systems and processes in relation to data flows</a:t>
              </a:r>
            </a:p>
          </p:txBody>
        </p:sp>
        <p:sp>
          <p:nvSpPr>
            <p:cNvPr id="105" name="Rectangle 104">
              <a:extLst>
                <a:ext uri="{FF2B5EF4-FFF2-40B4-BE49-F238E27FC236}">
                  <a16:creationId xmlns:a16="http://schemas.microsoft.com/office/drawing/2014/main" id="{B7ADD85E-A7AE-49D1-AD90-E278B9A2BD73}"/>
                </a:ext>
              </a:extLst>
            </p:cNvPr>
            <p:cNvSpPr/>
            <p:nvPr/>
          </p:nvSpPr>
          <p:spPr>
            <a:xfrm>
              <a:off x="7317858" y="5852808"/>
              <a:ext cx="1025275" cy="549716"/>
            </a:xfrm>
            <a:prstGeom prst="rect">
              <a:avLst/>
            </a:prstGeom>
            <a:solidFill>
              <a:schemeClr val="bg2"/>
            </a:solidFill>
            <a:ln>
              <a:solidFill>
                <a:schemeClr val="accent1"/>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dirty="0">
                  <a:solidFill>
                    <a:schemeClr val="tx1"/>
                  </a:solidFill>
                </a:rPr>
                <a:t>Internal testing of systems </a:t>
              </a:r>
            </a:p>
          </p:txBody>
        </p:sp>
        <p:sp>
          <p:nvSpPr>
            <p:cNvPr id="106" name="Rectangle 105">
              <a:extLst>
                <a:ext uri="{FF2B5EF4-FFF2-40B4-BE49-F238E27FC236}">
                  <a16:creationId xmlns:a16="http://schemas.microsoft.com/office/drawing/2014/main" id="{6A80977D-D92A-48FC-A3A7-55FFF7A69901}"/>
                </a:ext>
              </a:extLst>
            </p:cNvPr>
            <p:cNvSpPr/>
            <p:nvPr/>
          </p:nvSpPr>
          <p:spPr>
            <a:xfrm>
              <a:off x="8927143" y="5277929"/>
              <a:ext cx="1053912" cy="549716"/>
            </a:xfrm>
            <a:prstGeom prst="rect">
              <a:avLst/>
            </a:prstGeom>
            <a:solidFill>
              <a:schemeClr val="bg2"/>
            </a:solidFill>
            <a:ln>
              <a:solidFill>
                <a:srgbClr val="046A38"/>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Systems and processes in relation to data flows</a:t>
              </a:r>
            </a:p>
          </p:txBody>
        </p:sp>
        <p:sp>
          <p:nvSpPr>
            <p:cNvPr id="107" name="Rectangle 106">
              <a:extLst>
                <a:ext uri="{FF2B5EF4-FFF2-40B4-BE49-F238E27FC236}">
                  <a16:creationId xmlns:a16="http://schemas.microsoft.com/office/drawing/2014/main" id="{69412A77-F0B6-4DE2-AB49-AEBFA03C7FA2}"/>
                </a:ext>
              </a:extLst>
            </p:cNvPr>
            <p:cNvSpPr/>
            <p:nvPr/>
          </p:nvSpPr>
          <p:spPr>
            <a:xfrm>
              <a:off x="10031243" y="5277929"/>
              <a:ext cx="1025275" cy="549716"/>
            </a:xfrm>
            <a:prstGeom prst="rect">
              <a:avLst/>
            </a:prstGeom>
            <a:solidFill>
              <a:schemeClr val="bg2"/>
            </a:solidFill>
            <a:ln>
              <a:solidFill>
                <a:srgbClr val="046A38"/>
              </a:solidFill>
            </a:ln>
          </p:spPr>
          <p:style>
            <a:lnRef idx="2">
              <a:schemeClr val="accent2">
                <a:shade val="50000"/>
              </a:schemeClr>
            </a:lnRef>
            <a:fillRef idx="1">
              <a:schemeClr val="accent2"/>
            </a:fillRef>
            <a:effectRef idx="0">
              <a:schemeClr val="accent2"/>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n-GB" sz="900">
                  <a:solidFill>
                    <a:schemeClr val="tx1"/>
                  </a:solidFill>
                </a:rPr>
                <a:t>Internal testing of systems </a:t>
              </a:r>
            </a:p>
          </p:txBody>
        </p:sp>
      </p:grpSp>
      <p:pic>
        <p:nvPicPr>
          <p:cNvPr id="77" name="Picture 76">
            <a:extLst>
              <a:ext uri="{FF2B5EF4-FFF2-40B4-BE49-F238E27FC236}">
                <a16:creationId xmlns:a16="http://schemas.microsoft.com/office/drawing/2014/main" id="{DBDE4274-217E-4462-BEF9-04F34F5187B1}"/>
              </a:ext>
            </a:extLst>
          </p:cNvPr>
          <p:cNvPicPr>
            <a:picLocks noChangeAspect="1"/>
          </p:cNvPicPr>
          <p:nvPr/>
        </p:nvPicPr>
        <p:blipFill rotWithShape="1">
          <a:blip r:embed="rId2"/>
          <a:srcRect r="5961" b="1387"/>
          <a:stretch/>
        </p:blipFill>
        <p:spPr>
          <a:xfrm>
            <a:off x="1" y="1"/>
            <a:ext cx="2355742" cy="6509288"/>
          </a:xfrm>
          <a:prstGeom prst="rect">
            <a:avLst/>
          </a:prstGeom>
        </p:spPr>
      </p:pic>
      <p:sp>
        <p:nvSpPr>
          <p:cNvPr id="78" name="Title 1">
            <a:extLst>
              <a:ext uri="{FF2B5EF4-FFF2-40B4-BE49-F238E27FC236}">
                <a16:creationId xmlns:a16="http://schemas.microsoft.com/office/drawing/2014/main" id="{F87D45B6-CC37-4913-8504-06F18611FC54}"/>
              </a:ext>
            </a:extLst>
          </p:cNvPr>
          <p:cNvSpPr txBox="1">
            <a:spLocks/>
          </p:cNvSpPr>
          <p:nvPr/>
        </p:nvSpPr>
        <p:spPr>
          <a:xfrm>
            <a:off x="2447189" y="1004088"/>
            <a:ext cx="7554686" cy="67844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000" b="1" i="0" kern="1200" cap="all" spc="250" baseline="0">
                <a:solidFill>
                  <a:srgbClr val="68A495"/>
                </a:solidFill>
                <a:latin typeface="Roboto" panose="02000000000000000000" pitchFamily="2" charset="0"/>
                <a:ea typeface="+mj-ea"/>
                <a:cs typeface="+mj-cs"/>
              </a:defRPr>
            </a:lvl1pPr>
          </a:lstStyle>
          <a:p>
            <a:r>
              <a:rPr lang="en-GB" sz="2400" dirty="0">
                <a:solidFill>
                  <a:schemeClr val="accent2"/>
                </a:solidFill>
              </a:rPr>
              <a:t>Becoming accredited (BSA) </a:t>
            </a:r>
            <a:br>
              <a:rPr lang="en-GB" sz="2400" dirty="0"/>
            </a:br>
            <a:endParaRPr lang="en-GB" sz="2400" dirty="0"/>
          </a:p>
        </p:txBody>
      </p:sp>
      <p:pic>
        <p:nvPicPr>
          <p:cNvPr id="127" name="Picture 126">
            <a:hlinkClick r:id="" action="ppaction://hlinkshowjump?jump=nextslide"/>
            <a:extLst>
              <a:ext uri="{FF2B5EF4-FFF2-40B4-BE49-F238E27FC236}">
                <a16:creationId xmlns:a16="http://schemas.microsoft.com/office/drawing/2014/main" id="{4515F561-8EB3-4D51-9DFE-0C3215D9DA1C}"/>
              </a:ext>
            </a:extLst>
          </p:cNvPr>
          <p:cNvPicPr>
            <a:picLocks noChangeAspect="1"/>
          </p:cNvPicPr>
          <p:nvPr/>
        </p:nvPicPr>
        <p:blipFill>
          <a:blip r:embed="rId3"/>
          <a:stretch>
            <a:fillRect/>
          </a:stretch>
        </p:blipFill>
        <p:spPr>
          <a:xfrm>
            <a:off x="11127525" y="305316"/>
            <a:ext cx="704850" cy="447675"/>
          </a:xfrm>
          <a:prstGeom prst="rect">
            <a:avLst/>
          </a:prstGeom>
        </p:spPr>
      </p:pic>
      <p:pic>
        <p:nvPicPr>
          <p:cNvPr id="128" name="Picture 127">
            <a:hlinkClick r:id="" action="ppaction://hlinkshowjump?jump=previousslide"/>
            <a:extLst>
              <a:ext uri="{FF2B5EF4-FFF2-40B4-BE49-F238E27FC236}">
                <a16:creationId xmlns:a16="http://schemas.microsoft.com/office/drawing/2014/main" id="{B4444F02-2E99-4EB8-831E-E9884613FC71}"/>
              </a:ext>
            </a:extLst>
          </p:cNvPr>
          <p:cNvPicPr>
            <a:picLocks noChangeAspect="1"/>
          </p:cNvPicPr>
          <p:nvPr/>
        </p:nvPicPr>
        <p:blipFill>
          <a:blip r:embed="rId4"/>
          <a:stretch>
            <a:fillRect/>
          </a:stretch>
        </p:blipFill>
        <p:spPr>
          <a:xfrm>
            <a:off x="5041765" y="305316"/>
            <a:ext cx="676275" cy="533400"/>
          </a:xfrm>
          <a:prstGeom prst="rect">
            <a:avLst/>
          </a:prstGeom>
        </p:spPr>
      </p:pic>
      <p:pic>
        <p:nvPicPr>
          <p:cNvPr id="130" name="Picture 129">
            <a:hlinkClick r:id="rId5" action="ppaction://hlinksldjump"/>
            <a:extLst>
              <a:ext uri="{FF2B5EF4-FFF2-40B4-BE49-F238E27FC236}">
                <a16:creationId xmlns:a16="http://schemas.microsoft.com/office/drawing/2014/main" id="{F32D4354-8A17-4255-AB5F-DA39AC21E1EF}"/>
              </a:ext>
            </a:extLst>
          </p:cNvPr>
          <p:cNvPicPr>
            <a:picLocks noChangeAspect="1"/>
          </p:cNvPicPr>
          <p:nvPr/>
        </p:nvPicPr>
        <p:blipFill>
          <a:blip r:embed="rId6"/>
          <a:stretch>
            <a:fillRect/>
          </a:stretch>
        </p:blipFill>
        <p:spPr>
          <a:xfrm>
            <a:off x="3917185" y="322134"/>
            <a:ext cx="485775" cy="477679"/>
          </a:xfrm>
          <a:prstGeom prst="rect">
            <a:avLst/>
          </a:prstGeom>
        </p:spPr>
      </p:pic>
      <p:sp>
        <p:nvSpPr>
          <p:cNvPr id="139" name="TextBox 138">
            <a:extLst>
              <a:ext uri="{FF2B5EF4-FFF2-40B4-BE49-F238E27FC236}">
                <a16:creationId xmlns:a16="http://schemas.microsoft.com/office/drawing/2014/main" id="{D8AC421E-37A9-46EA-9E7F-443C623CB764}"/>
              </a:ext>
            </a:extLst>
          </p:cNvPr>
          <p:cNvSpPr txBox="1"/>
          <p:nvPr/>
        </p:nvSpPr>
        <p:spPr>
          <a:xfrm>
            <a:off x="2562932" y="4900290"/>
            <a:ext cx="5266063" cy="369332"/>
          </a:xfrm>
          <a:prstGeom prst="rect">
            <a:avLst/>
          </a:prstGeom>
          <a:noFill/>
        </p:spPr>
        <p:txBody>
          <a:bodyPr wrap="square" rtlCol="0">
            <a:spAutoFit/>
          </a:bodyPr>
          <a:lstStyle/>
          <a:p>
            <a:r>
              <a:rPr lang="en-GB" dirty="0">
                <a:solidFill>
                  <a:schemeClr val="bg1"/>
                </a:solidFill>
              </a:rPr>
              <a:t>Animation holder</a:t>
            </a:r>
          </a:p>
        </p:txBody>
      </p:sp>
      <p:pic>
        <p:nvPicPr>
          <p:cNvPr id="45" name="Picture 44">
            <a:hlinkClick r:id="rId7"/>
            <a:extLst>
              <a:ext uri="{FF2B5EF4-FFF2-40B4-BE49-F238E27FC236}">
                <a16:creationId xmlns:a16="http://schemas.microsoft.com/office/drawing/2014/main" id="{76826C89-FA79-4E74-8AA7-5D79143D9C2F}"/>
              </a:ext>
            </a:extLst>
          </p:cNvPr>
          <p:cNvPicPr>
            <a:picLocks noChangeAspect="1"/>
          </p:cNvPicPr>
          <p:nvPr/>
        </p:nvPicPr>
        <p:blipFill>
          <a:blip r:embed="rId8"/>
          <a:stretch>
            <a:fillRect/>
          </a:stretch>
        </p:blipFill>
        <p:spPr>
          <a:xfrm>
            <a:off x="4453970" y="323563"/>
            <a:ext cx="485775" cy="476250"/>
          </a:xfrm>
          <a:prstGeom prst="rect">
            <a:avLst/>
          </a:prstGeom>
        </p:spPr>
      </p:pic>
      <p:sp>
        <p:nvSpPr>
          <p:cNvPr id="46" name="TextBox 45">
            <a:extLst>
              <a:ext uri="{FF2B5EF4-FFF2-40B4-BE49-F238E27FC236}">
                <a16:creationId xmlns:a16="http://schemas.microsoft.com/office/drawing/2014/main" id="{213EC7F2-DB82-4748-92AE-549A2F5D119B}"/>
              </a:ext>
            </a:extLst>
          </p:cNvPr>
          <p:cNvSpPr txBox="1"/>
          <p:nvPr/>
        </p:nvSpPr>
        <p:spPr>
          <a:xfrm>
            <a:off x="2715332" y="5052690"/>
            <a:ext cx="5266063" cy="369332"/>
          </a:xfrm>
          <a:prstGeom prst="rect">
            <a:avLst/>
          </a:prstGeom>
          <a:noFill/>
        </p:spPr>
        <p:txBody>
          <a:bodyPr wrap="square" rtlCol="0">
            <a:spAutoFit/>
          </a:bodyPr>
          <a:lstStyle/>
          <a:p>
            <a:r>
              <a:rPr lang="en-GB" dirty="0">
                <a:solidFill>
                  <a:schemeClr val="bg1"/>
                </a:solidFill>
              </a:rPr>
              <a:t>Animation holder</a:t>
            </a:r>
          </a:p>
        </p:txBody>
      </p:sp>
      <p:pic>
        <p:nvPicPr>
          <p:cNvPr id="49" name="Picture 48">
            <a:extLst>
              <a:ext uri="{FF2B5EF4-FFF2-40B4-BE49-F238E27FC236}">
                <a16:creationId xmlns:a16="http://schemas.microsoft.com/office/drawing/2014/main" id="{2F94D8F7-7DC2-429F-998E-DA71DC488CED}"/>
              </a:ext>
            </a:extLst>
          </p:cNvPr>
          <p:cNvPicPr>
            <a:picLocks noChangeAspect="1"/>
          </p:cNvPicPr>
          <p:nvPr/>
        </p:nvPicPr>
        <p:blipFill rotWithShape="1">
          <a:blip r:embed="rId9"/>
          <a:srcRect t="8821" r="50345"/>
          <a:stretch/>
        </p:blipFill>
        <p:spPr>
          <a:xfrm>
            <a:off x="2545268" y="3490863"/>
            <a:ext cx="2263404" cy="1111675"/>
          </a:xfrm>
          <a:prstGeom prst="rect">
            <a:avLst/>
          </a:prstGeom>
        </p:spPr>
      </p:pic>
      <p:sp>
        <p:nvSpPr>
          <p:cNvPr id="4" name="Oval 3">
            <a:extLst>
              <a:ext uri="{FF2B5EF4-FFF2-40B4-BE49-F238E27FC236}">
                <a16:creationId xmlns:a16="http://schemas.microsoft.com/office/drawing/2014/main" id="{B0A8A56D-EE4B-93B9-0E70-B10E57CE094D}"/>
              </a:ext>
            </a:extLst>
          </p:cNvPr>
          <p:cNvSpPr/>
          <p:nvPr/>
        </p:nvSpPr>
        <p:spPr>
          <a:xfrm>
            <a:off x="4075619" y="8226566"/>
            <a:ext cx="71046" cy="74612"/>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56" name="Group 55">
            <a:extLst>
              <a:ext uri="{FF2B5EF4-FFF2-40B4-BE49-F238E27FC236}">
                <a16:creationId xmlns:a16="http://schemas.microsoft.com/office/drawing/2014/main" id="{E42DAF32-C479-4CD7-BFCD-EF70F0AC9D01}"/>
              </a:ext>
            </a:extLst>
          </p:cNvPr>
          <p:cNvGrpSpPr/>
          <p:nvPr/>
        </p:nvGrpSpPr>
        <p:grpSpPr>
          <a:xfrm>
            <a:off x="7428196" y="1550996"/>
            <a:ext cx="643168" cy="635716"/>
            <a:chOff x="4465675" y="2293710"/>
            <a:chExt cx="561309" cy="578758"/>
          </a:xfrm>
        </p:grpSpPr>
        <p:sp>
          <p:nvSpPr>
            <p:cNvPr id="57" name="Oval 56">
              <a:extLst>
                <a:ext uri="{FF2B5EF4-FFF2-40B4-BE49-F238E27FC236}">
                  <a16:creationId xmlns:a16="http://schemas.microsoft.com/office/drawing/2014/main" id="{6A0829F1-9B35-4D10-A524-828DB6AA95B7}"/>
                </a:ext>
              </a:extLst>
            </p:cNvPr>
            <p:cNvSpPr/>
            <p:nvPr/>
          </p:nvSpPr>
          <p:spPr bwMode="gray">
            <a:xfrm>
              <a:off x="4465675" y="2293710"/>
              <a:ext cx="561309" cy="578758"/>
            </a:xfrm>
            <a:prstGeom prst="ellipse">
              <a:avLst/>
            </a:prstGeom>
            <a:solidFill>
              <a:schemeClr val="accent1"/>
            </a:solidFill>
            <a:ln w="120650" algn="ctr">
              <a:solidFill>
                <a:schemeClr val="bg2">
                  <a:alpha val="62000"/>
                </a:schemeClr>
              </a:solid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000" b="1" i="0" u="none" strike="noStrike" kern="1200" cap="none" spc="0" normalizeH="0" baseline="0" noProof="0">
                <a:ln>
                  <a:noFill/>
                </a:ln>
                <a:solidFill>
                  <a:prstClr val="white"/>
                </a:solidFill>
                <a:effectLst/>
                <a:uLnTx/>
                <a:uFillTx/>
                <a:latin typeface="Calibri Light"/>
                <a:ea typeface="+mn-ea"/>
                <a:cs typeface="+mn-cs"/>
              </a:endParaRPr>
            </a:p>
          </p:txBody>
        </p:sp>
        <p:sp>
          <p:nvSpPr>
            <p:cNvPr id="58" name="Graphic 4">
              <a:extLst>
                <a:ext uri="{FF2B5EF4-FFF2-40B4-BE49-F238E27FC236}">
                  <a16:creationId xmlns:a16="http://schemas.microsoft.com/office/drawing/2014/main" id="{B3291E99-CB24-4A65-A0D5-8AD44CAA9F58}"/>
                </a:ext>
              </a:extLst>
            </p:cNvPr>
            <p:cNvSpPr>
              <a:spLocks/>
            </p:cNvSpPr>
            <p:nvPr/>
          </p:nvSpPr>
          <p:spPr>
            <a:xfrm>
              <a:off x="4575237" y="2407268"/>
              <a:ext cx="338656" cy="349183"/>
            </a:xfrm>
            <a:custGeom>
              <a:avLst/>
              <a:gdLst>
                <a:gd name="connsiteX0" fmla="*/ 181474 w 362309"/>
                <a:gd name="connsiteY0" fmla="*/ 0 h 361971"/>
                <a:gd name="connsiteX1" fmla="*/ 0 w 362309"/>
                <a:gd name="connsiteY1" fmla="*/ 180667 h 361971"/>
                <a:gd name="connsiteX2" fmla="*/ 180835 w 362309"/>
                <a:gd name="connsiteY2" fmla="*/ 361971 h 361971"/>
                <a:gd name="connsiteX3" fmla="*/ 362310 w 362309"/>
                <a:gd name="connsiteY3" fmla="*/ 181305 h 361971"/>
                <a:gd name="connsiteX4" fmla="*/ 362310 w 362309"/>
                <a:gd name="connsiteY4" fmla="*/ 181305 h 361971"/>
                <a:gd name="connsiteX5" fmla="*/ 181474 w 362309"/>
                <a:gd name="connsiteY5" fmla="*/ 0 h 361971"/>
                <a:gd name="connsiteX6" fmla="*/ 169333 w 362309"/>
                <a:gd name="connsiteY6" fmla="*/ 294301 h 361971"/>
                <a:gd name="connsiteX7" fmla="*/ 163582 w 362309"/>
                <a:gd name="connsiteY7" fmla="*/ 298770 h 361971"/>
                <a:gd name="connsiteX8" fmla="*/ 161665 w 362309"/>
                <a:gd name="connsiteY8" fmla="*/ 298770 h 361971"/>
                <a:gd name="connsiteX9" fmla="*/ 88820 w 362309"/>
                <a:gd name="connsiteY9" fmla="*/ 215140 h 361971"/>
                <a:gd name="connsiteX10" fmla="*/ 88820 w 362309"/>
                <a:gd name="connsiteY10" fmla="*/ 213863 h 361971"/>
                <a:gd name="connsiteX11" fmla="*/ 138662 w 362309"/>
                <a:gd name="connsiteY11" fmla="*/ 130872 h 361971"/>
                <a:gd name="connsiteX12" fmla="*/ 148885 w 362309"/>
                <a:gd name="connsiteY12" fmla="*/ 120657 h 361971"/>
                <a:gd name="connsiteX13" fmla="*/ 157192 w 362309"/>
                <a:gd name="connsiteY13" fmla="*/ 63840 h 361971"/>
                <a:gd name="connsiteX14" fmla="*/ 161027 w 362309"/>
                <a:gd name="connsiteY14" fmla="*/ 55540 h 361971"/>
                <a:gd name="connsiteX15" fmla="*/ 166138 w 362309"/>
                <a:gd name="connsiteY15" fmla="*/ 55540 h 361971"/>
                <a:gd name="connsiteX16" fmla="*/ 202561 w 362309"/>
                <a:gd name="connsiteY16" fmla="*/ 82353 h 361971"/>
                <a:gd name="connsiteX17" fmla="*/ 228121 w 362309"/>
                <a:gd name="connsiteY17" fmla="*/ 158961 h 361971"/>
                <a:gd name="connsiteX18" fmla="*/ 228121 w 362309"/>
                <a:gd name="connsiteY18" fmla="*/ 179390 h 361971"/>
                <a:gd name="connsiteX19" fmla="*/ 232594 w 362309"/>
                <a:gd name="connsiteY19" fmla="*/ 181305 h 361971"/>
                <a:gd name="connsiteX20" fmla="*/ 233233 w 362309"/>
                <a:gd name="connsiteY20" fmla="*/ 181305 h 361971"/>
                <a:gd name="connsiteX21" fmla="*/ 240901 w 362309"/>
                <a:gd name="connsiteY21" fmla="*/ 169814 h 361971"/>
                <a:gd name="connsiteX22" fmla="*/ 249208 w 362309"/>
                <a:gd name="connsiteY22" fmla="*/ 165984 h 361971"/>
                <a:gd name="connsiteX23" fmla="*/ 253041 w 362309"/>
                <a:gd name="connsiteY23" fmla="*/ 173006 h 361971"/>
                <a:gd name="connsiteX24" fmla="*/ 232594 w 362309"/>
                <a:gd name="connsiteY24" fmla="*/ 193435 h 361971"/>
                <a:gd name="connsiteX25" fmla="*/ 217897 w 362309"/>
                <a:gd name="connsiteY25" fmla="*/ 186412 h 361971"/>
                <a:gd name="connsiteX26" fmla="*/ 215980 w 362309"/>
                <a:gd name="connsiteY26" fmla="*/ 155131 h 361971"/>
                <a:gd name="connsiteX27" fmla="*/ 173167 w 362309"/>
                <a:gd name="connsiteY27" fmla="*/ 74692 h 361971"/>
                <a:gd name="connsiteX28" fmla="*/ 158470 w 362309"/>
                <a:gd name="connsiteY28" fmla="*/ 129595 h 361971"/>
                <a:gd name="connsiteX29" fmla="*/ 147607 w 362309"/>
                <a:gd name="connsiteY29" fmla="*/ 139809 h 361971"/>
                <a:gd name="connsiteX30" fmla="*/ 102239 w 362309"/>
                <a:gd name="connsiteY30" fmla="*/ 213863 h 361971"/>
                <a:gd name="connsiteX31" fmla="*/ 102239 w 362309"/>
                <a:gd name="connsiteY31" fmla="*/ 214502 h 361971"/>
                <a:gd name="connsiteX32" fmla="*/ 166138 w 362309"/>
                <a:gd name="connsiteY32" fmla="*/ 286002 h 361971"/>
                <a:gd name="connsiteX33" fmla="*/ 169333 w 362309"/>
                <a:gd name="connsiteY33" fmla="*/ 294301 h 361971"/>
                <a:gd name="connsiteX34" fmla="*/ 169333 w 362309"/>
                <a:gd name="connsiteY34" fmla="*/ 294301 h 361971"/>
                <a:gd name="connsiteX35" fmla="*/ 175723 w 362309"/>
                <a:gd name="connsiteY35" fmla="*/ 250252 h 361971"/>
                <a:gd name="connsiteX36" fmla="*/ 169972 w 362309"/>
                <a:gd name="connsiteY36" fmla="*/ 243868 h 361971"/>
                <a:gd name="connsiteX37" fmla="*/ 157832 w 362309"/>
                <a:gd name="connsiteY37" fmla="*/ 210671 h 361971"/>
                <a:gd name="connsiteX38" fmla="*/ 147607 w 362309"/>
                <a:gd name="connsiteY38" fmla="*/ 231738 h 361971"/>
                <a:gd name="connsiteX39" fmla="*/ 147607 w 362309"/>
                <a:gd name="connsiteY39" fmla="*/ 261743 h 361971"/>
                <a:gd name="connsiteX40" fmla="*/ 145052 w 362309"/>
                <a:gd name="connsiteY40" fmla="*/ 270681 h 361971"/>
                <a:gd name="connsiteX41" fmla="*/ 145052 w 362309"/>
                <a:gd name="connsiteY41" fmla="*/ 270681 h 361971"/>
                <a:gd name="connsiteX42" fmla="*/ 141857 w 362309"/>
                <a:gd name="connsiteY42" fmla="*/ 271319 h 361971"/>
                <a:gd name="connsiteX43" fmla="*/ 136106 w 362309"/>
                <a:gd name="connsiteY43" fmla="*/ 268127 h 361971"/>
                <a:gd name="connsiteX44" fmla="*/ 138022 w 362309"/>
                <a:gd name="connsiteY44" fmla="*/ 222801 h 361971"/>
                <a:gd name="connsiteX45" fmla="*/ 143135 w 362309"/>
                <a:gd name="connsiteY45" fmla="*/ 194711 h 361971"/>
                <a:gd name="connsiteX46" fmla="*/ 146330 w 362309"/>
                <a:gd name="connsiteY46" fmla="*/ 186412 h 361971"/>
                <a:gd name="connsiteX47" fmla="*/ 152720 w 362309"/>
                <a:gd name="connsiteY47" fmla="*/ 187051 h 361971"/>
                <a:gd name="connsiteX48" fmla="*/ 182113 w 362309"/>
                <a:gd name="connsiteY48" fmla="*/ 244506 h 361971"/>
                <a:gd name="connsiteX49" fmla="*/ 175723 w 362309"/>
                <a:gd name="connsiteY49" fmla="*/ 250252 h 361971"/>
                <a:gd name="connsiteX50" fmla="*/ 175723 w 362309"/>
                <a:gd name="connsiteY50" fmla="*/ 250252 h 361971"/>
                <a:gd name="connsiteX51" fmla="*/ 269016 w 362309"/>
                <a:gd name="connsiteY51" fmla="*/ 240676 h 361971"/>
                <a:gd name="connsiteX52" fmla="*/ 194254 w 362309"/>
                <a:gd name="connsiteY52" fmla="*/ 298132 h 361971"/>
                <a:gd name="connsiteX53" fmla="*/ 194254 w 362309"/>
                <a:gd name="connsiteY53" fmla="*/ 298132 h 361971"/>
                <a:gd name="connsiteX54" fmla="*/ 192337 w 362309"/>
                <a:gd name="connsiteY54" fmla="*/ 298132 h 361971"/>
                <a:gd name="connsiteX55" fmla="*/ 192337 w 362309"/>
                <a:gd name="connsiteY55" fmla="*/ 298132 h 361971"/>
                <a:gd name="connsiteX56" fmla="*/ 190420 w 362309"/>
                <a:gd name="connsiteY56" fmla="*/ 298132 h 361971"/>
                <a:gd name="connsiteX57" fmla="*/ 189781 w 362309"/>
                <a:gd name="connsiteY57" fmla="*/ 298132 h 361971"/>
                <a:gd name="connsiteX58" fmla="*/ 188503 w 362309"/>
                <a:gd name="connsiteY58" fmla="*/ 297493 h 361971"/>
                <a:gd name="connsiteX59" fmla="*/ 187864 w 362309"/>
                <a:gd name="connsiteY59" fmla="*/ 296855 h 361971"/>
                <a:gd name="connsiteX60" fmla="*/ 187225 w 362309"/>
                <a:gd name="connsiteY60" fmla="*/ 296217 h 361971"/>
                <a:gd name="connsiteX61" fmla="*/ 186586 w 362309"/>
                <a:gd name="connsiteY61" fmla="*/ 295578 h 361971"/>
                <a:gd name="connsiteX62" fmla="*/ 186586 w 362309"/>
                <a:gd name="connsiteY62" fmla="*/ 295578 h 361971"/>
                <a:gd name="connsiteX63" fmla="*/ 186586 w 362309"/>
                <a:gd name="connsiteY63" fmla="*/ 294940 h 361971"/>
                <a:gd name="connsiteX64" fmla="*/ 185947 w 362309"/>
                <a:gd name="connsiteY64" fmla="*/ 293663 h 361971"/>
                <a:gd name="connsiteX65" fmla="*/ 185947 w 362309"/>
                <a:gd name="connsiteY65" fmla="*/ 293025 h 361971"/>
                <a:gd name="connsiteX66" fmla="*/ 185947 w 362309"/>
                <a:gd name="connsiteY66" fmla="*/ 291748 h 361971"/>
                <a:gd name="connsiteX67" fmla="*/ 185947 w 362309"/>
                <a:gd name="connsiteY67" fmla="*/ 290471 h 361971"/>
                <a:gd name="connsiteX68" fmla="*/ 185947 w 362309"/>
                <a:gd name="connsiteY68" fmla="*/ 289194 h 361971"/>
                <a:gd name="connsiteX69" fmla="*/ 186586 w 362309"/>
                <a:gd name="connsiteY69" fmla="*/ 287917 h 361971"/>
                <a:gd name="connsiteX70" fmla="*/ 187225 w 362309"/>
                <a:gd name="connsiteY70" fmla="*/ 287279 h 361971"/>
                <a:gd name="connsiteX71" fmla="*/ 188503 w 362309"/>
                <a:gd name="connsiteY71" fmla="*/ 286641 h 361971"/>
                <a:gd name="connsiteX72" fmla="*/ 188503 w 362309"/>
                <a:gd name="connsiteY72" fmla="*/ 286641 h 361971"/>
                <a:gd name="connsiteX73" fmla="*/ 216619 w 362309"/>
                <a:gd name="connsiteY73" fmla="*/ 245783 h 361971"/>
                <a:gd name="connsiteX74" fmla="*/ 198088 w 362309"/>
                <a:gd name="connsiteY74" fmla="*/ 210033 h 361971"/>
                <a:gd name="connsiteX75" fmla="*/ 180196 w 362309"/>
                <a:gd name="connsiteY75" fmla="*/ 176198 h 361971"/>
                <a:gd name="connsiteX76" fmla="*/ 174445 w 362309"/>
                <a:gd name="connsiteY76" fmla="*/ 190243 h 361971"/>
                <a:gd name="connsiteX77" fmla="*/ 166777 w 362309"/>
                <a:gd name="connsiteY77" fmla="*/ 195350 h 361971"/>
                <a:gd name="connsiteX78" fmla="*/ 161665 w 362309"/>
                <a:gd name="connsiteY78" fmla="*/ 187689 h 361971"/>
                <a:gd name="connsiteX79" fmla="*/ 161665 w 362309"/>
                <a:gd name="connsiteY79" fmla="*/ 186412 h 361971"/>
                <a:gd name="connsiteX80" fmla="*/ 182752 w 362309"/>
                <a:gd name="connsiteY80" fmla="*/ 151300 h 361971"/>
                <a:gd name="connsiteX81" fmla="*/ 190420 w 362309"/>
                <a:gd name="connsiteY81" fmla="*/ 150662 h 361971"/>
                <a:gd name="connsiteX82" fmla="*/ 193615 w 362309"/>
                <a:gd name="connsiteY82" fmla="*/ 157684 h 361971"/>
                <a:gd name="connsiteX83" fmla="*/ 205756 w 362309"/>
                <a:gd name="connsiteY83" fmla="*/ 199819 h 361971"/>
                <a:gd name="connsiteX84" fmla="*/ 229399 w 362309"/>
                <a:gd name="connsiteY84" fmla="*/ 246422 h 361971"/>
                <a:gd name="connsiteX85" fmla="*/ 221092 w 362309"/>
                <a:gd name="connsiteY85" fmla="*/ 273234 h 361971"/>
                <a:gd name="connsiteX86" fmla="*/ 256236 w 362309"/>
                <a:gd name="connsiteY86" fmla="*/ 235569 h 361971"/>
                <a:gd name="connsiteX87" fmla="*/ 242179 w 362309"/>
                <a:gd name="connsiteY87" fmla="*/ 146193 h 361971"/>
                <a:gd name="connsiteX88" fmla="*/ 244096 w 362309"/>
                <a:gd name="connsiteY88" fmla="*/ 137256 h 361971"/>
                <a:gd name="connsiteX89" fmla="*/ 253041 w 362309"/>
                <a:gd name="connsiteY89" fmla="*/ 139171 h 361971"/>
                <a:gd name="connsiteX90" fmla="*/ 269016 w 362309"/>
                <a:gd name="connsiteY90" fmla="*/ 240676 h 361971"/>
                <a:gd name="connsiteX91" fmla="*/ 269016 w 362309"/>
                <a:gd name="connsiteY91" fmla="*/ 240676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Lst>
              <a:rect l="l" t="t" r="r" b="b"/>
              <a:pathLst>
                <a:path w="362309" h="361971">
                  <a:moveTo>
                    <a:pt x="181474" y="0"/>
                  </a:moveTo>
                  <a:cubicBezTo>
                    <a:pt x="81152" y="0"/>
                    <a:pt x="0" y="81076"/>
                    <a:pt x="0" y="180667"/>
                  </a:cubicBezTo>
                  <a:cubicBezTo>
                    <a:pt x="0" y="280257"/>
                    <a:pt x="81152" y="361971"/>
                    <a:pt x="180835" y="361971"/>
                  </a:cubicBezTo>
                  <a:cubicBezTo>
                    <a:pt x="280518" y="361971"/>
                    <a:pt x="362310" y="280895"/>
                    <a:pt x="362310" y="181305"/>
                  </a:cubicBezTo>
                  <a:cubicBezTo>
                    <a:pt x="362310" y="181305"/>
                    <a:pt x="362310" y="181305"/>
                    <a:pt x="362310" y="181305"/>
                  </a:cubicBezTo>
                  <a:cubicBezTo>
                    <a:pt x="362310" y="81076"/>
                    <a:pt x="281796" y="0"/>
                    <a:pt x="181474" y="0"/>
                  </a:cubicBezTo>
                  <a:close/>
                  <a:moveTo>
                    <a:pt x="169333" y="294301"/>
                  </a:moveTo>
                  <a:cubicBezTo>
                    <a:pt x="168695" y="296855"/>
                    <a:pt x="166138" y="298770"/>
                    <a:pt x="163582" y="298770"/>
                  </a:cubicBezTo>
                  <a:cubicBezTo>
                    <a:pt x="162943" y="298770"/>
                    <a:pt x="162305" y="298770"/>
                    <a:pt x="161665" y="298770"/>
                  </a:cubicBezTo>
                  <a:cubicBezTo>
                    <a:pt x="128438" y="287917"/>
                    <a:pt x="88181" y="264297"/>
                    <a:pt x="88820" y="215140"/>
                  </a:cubicBezTo>
                  <a:lnTo>
                    <a:pt x="88820" y="213863"/>
                  </a:lnTo>
                  <a:cubicBezTo>
                    <a:pt x="88820" y="178113"/>
                    <a:pt x="117575" y="150662"/>
                    <a:pt x="138662" y="130872"/>
                  </a:cubicBezTo>
                  <a:cubicBezTo>
                    <a:pt x="142496" y="127041"/>
                    <a:pt x="145690" y="123849"/>
                    <a:pt x="148885" y="120657"/>
                  </a:cubicBezTo>
                  <a:cubicBezTo>
                    <a:pt x="169333" y="99590"/>
                    <a:pt x="157192" y="64478"/>
                    <a:pt x="157192" y="63840"/>
                  </a:cubicBezTo>
                  <a:cubicBezTo>
                    <a:pt x="155915" y="60648"/>
                    <a:pt x="157832" y="56817"/>
                    <a:pt x="161027" y="55540"/>
                  </a:cubicBezTo>
                  <a:cubicBezTo>
                    <a:pt x="162943" y="54902"/>
                    <a:pt x="164221" y="54902"/>
                    <a:pt x="166138" y="55540"/>
                  </a:cubicBezTo>
                  <a:cubicBezTo>
                    <a:pt x="179557" y="62563"/>
                    <a:pt x="191698" y="71500"/>
                    <a:pt x="202561" y="82353"/>
                  </a:cubicBezTo>
                  <a:cubicBezTo>
                    <a:pt x="225565" y="105336"/>
                    <a:pt x="234511" y="132148"/>
                    <a:pt x="228121" y="158961"/>
                  </a:cubicBezTo>
                  <a:cubicBezTo>
                    <a:pt x="226204" y="165345"/>
                    <a:pt x="224926" y="175560"/>
                    <a:pt x="228121" y="179390"/>
                  </a:cubicBezTo>
                  <a:cubicBezTo>
                    <a:pt x="228760" y="180028"/>
                    <a:pt x="229399" y="181305"/>
                    <a:pt x="232594" y="181305"/>
                  </a:cubicBezTo>
                  <a:lnTo>
                    <a:pt x="233233" y="181305"/>
                  </a:lnTo>
                  <a:cubicBezTo>
                    <a:pt x="233233" y="181305"/>
                    <a:pt x="237706" y="180667"/>
                    <a:pt x="240901" y="169814"/>
                  </a:cubicBezTo>
                  <a:cubicBezTo>
                    <a:pt x="242179" y="166622"/>
                    <a:pt x="246013" y="164707"/>
                    <a:pt x="249208" y="165984"/>
                  </a:cubicBezTo>
                  <a:cubicBezTo>
                    <a:pt x="252403" y="167260"/>
                    <a:pt x="253681" y="170452"/>
                    <a:pt x="253041" y="173006"/>
                  </a:cubicBezTo>
                  <a:cubicBezTo>
                    <a:pt x="247291" y="192796"/>
                    <a:pt x="235150" y="193435"/>
                    <a:pt x="232594" y="193435"/>
                  </a:cubicBezTo>
                  <a:cubicBezTo>
                    <a:pt x="226843" y="193435"/>
                    <a:pt x="221731" y="190881"/>
                    <a:pt x="217897" y="186412"/>
                  </a:cubicBezTo>
                  <a:cubicBezTo>
                    <a:pt x="210229" y="175560"/>
                    <a:pt x="215341" y="157046"/>
                    <a:pt x="215980" y="155131"/>
                  </a:cubicBezTo>
                  <a:cubicBezTo>
                    <a:pt x="225565" y="116188"/>
                    <a:pt x="192337" y="87460"/>
                    <a:pt x="173167" y="74692"/>
                  </a:cubicBezTo>
                  <a:cubicBezTo>
                    <a:pt x="175084" y="89376"/>
                    <a:pt x="175084" y="112358"/>
                    <a:pt x="158470" y="129595"/>
                  </a:cubicBezTo>
                  <a:cubicBezTo>
                    <a:pt x="155275" y="132787"/>
                    <a:pt x="151442" y="136617"/>
                    <a:pt x="147607" y="139809"/>
                  </a:cubicBezTo>
                  <a:cubicBezTo>
                    <a:pt x="127160" y="158961"/>
                    <a:pt x="102239" y="183220"/>
                    <a:pt x="102239" y="213863"/>
                  </a:cubicBezTo>
                  <a:lnTo>
                    <a:pt x="102239" y="214502"/>
                  </a:lnTo>
                  <a:cubicBezTo>
                    <a:pt x="102239" y="247698"/>
                    <a:pt x="123326" y="271958"/>
                    <a:pt x="166138" y="286002"/>
                  </a:cubicBezTo>
                  <a:cubicBezTo>
                    <a:pt x="168695" y="287279"/>
                    <a:pt x="170611" y="291109"/>
                    <a:pt x="169333" y="294301"/>
                  </a:cubicBezTo>
                  <a:lnTo>
                    <a:pt x="169333" y="294301"/>
                  </a:lnTo>
                  <a:close/>
                  <a:moveTo>
                    <a:pt x="175723" y="250252"/>
                  </a:moveTo>
                  <a:cubicBezTo>
                    <a:pt x="172528" y="250252"/>
                    <a:pt x="169972" y="247060"/>
                    <a:pt x="169972" y="243868"/>
                  </a:cubicBezTo>
                  <a:cubicBezTo>
                    <a:pt x="169972" y="231738"/>
                    <a:pt x="165500" y="219609"/>
                    <a:pt x="157832" y="210671"/>
                  </a:cubicBezTo>
                  <a:cubicBezTo>
                    <a:pt x="156553" y="218332"/>
                    <a:pt x="152720" y="225993"/>
                    <a:pt x="147607" y="231738"/>
                  </a:cubicBezTo>
                  <a:cubicBezTo>
                    <a:pt x="146330" y="233015"/>
                    <a:pt x="136745" y="243230"/>
                    <a:pt x="147607" y="261743"/>
                  </a:cubicBezTo>
                  <a:cubicBezTo>
                    <a:pt x="149525" y="264935"/>
                    <a:pt x="148247" y="268766"/>
                    <a:pt x="145052" y="270681"/>
                  </a:cubicBezTo>
                  <a:cubicBezTo>
                    <a:pt x="145052" y="270681"/>
                    <a:pt x="145052" y="270681"/>
                    <a:pt x="145052" y="270681"/>
                  </a:cubicBezTo>
                  <a:cubicBezTo>
                    <a:pt x="143774" y="271319"/>
                    <a:pt x="143135" y="271319"/>
                    <a:pt x="141857" y="271319"/>
                  </a:cubicBezTo>
                  <a:cubicBezTo>
                    <a:pt x="139301" y="271319"/>
                    <a:pt x="137384" y="270042"/>
                    <a:pt x="136106" y="268127"/>
                  </a:cubicBezTo>
                  <a:cubicBezTo>
                    <a:pt x="123326" y="246422"/>
                    <a:pt x="131633" y="229185"/>
                    <a:pt x="138022" y="222801"/>
                  </a:cubicBezTo>
                  <a:cubicBezTo>
                    <a:pt x="145052" y="215140"/>
                    <a:pt x="146969" y="204287"/>
                    <a:pt x="143135" y="194711"/>
                  </a:cubicBezTo>
                  <a:cubicBezTo>
                    <a:pt x="141857" y="191519"/>
                    <a:pt x="143135" y="187689"/>
                    <a:pt x="146330" y="186412"/>
                  </a:cubicBezTo>
                  <a:cubicBezTo>
                    <a:pt x="148247" y="185135"/>
                    <a:pt x="150802" y="185774"/>
                    <a:pt x="152720" y="187051"/>
                  </a:cubicBezTo>
                  <a:cubicBezTo>
                    <a:pt x="153997" y="188327"/>
                    <a:pt x="183391" y="211948"/>
                    <a:pt x="182113" y="244506"/>
                  </a:cubicBezTo>
                  <a:cubicBezTo>
                    <a:pt x="182113" y="247698"/>
                    <a:pt x="179557" y="250252"/>
                    <a:pt x="175723" y="250252"/>
                  </a:cubicBezTo>
                  <a:lnTo>
                    <a:pt x="175723" y="250252"/>
                  </a:lnTo>
                  <a:close/>
                  <a:moveTo>
                    <a:pt x="269016" y="240676"/>
                  </a:moveTo>
                  <a:cubicBezTo>
                    <a:pt x="258154" y="268127"/>
                    <a:pt x="233233" y="287279"/>
                    <a:pt x="194254" y="298132"/>
                  </a:cubicBezTo>
                  <a:lnTo>
                    <a:pt x="194254" y="298132"/>
                  </a:lnTo>
                  <a:lnTo>
                    <a:pt x="192337" y="298132"/>
                  </a:lnTo>
                  <a:lnTo>
                    <a:pt x="192337" y="298132"/>
                  </a:lnTo>
                  <a:cubicBezTo>
                    <a:pt x="191698" y="298132"/>
                    <a:pt x="191059" y="298132"/>
                    <a:pt x="190420" y="298132"/>
                  </a:cubicBezTo>
                  <a:lnTo>
                    <a:pt x="189781" y="298132"/>
                  </a:lnTo>
                  <a:lnTo>
                    <a:pt x="188503" y="297493"/>
                  </a:lnTo>
                  <a:lnTo>
                    <a:pt x="187864" y="296855"/>
                  </a:lnTo>
                  <a:lnTo>
                    <a:pt x="187225" y="296217"/>
                  </a:lnTo>
                  <a:cubicBezTo>
                    <a:pt x="187225" y="296217"/>
                    <a:pt x="187225" y="296217"/>
                    <a:pt x="186586" y="295578"/>
                  </a:cubicBezTo>
                  <a:lnTo>
                    <a:pt x="186586" y="295578"/>
                  </a:lnTo>
                  <a:cubicBezTo>
                    <a:pt x="186586" y="295578"/>
                    <a:pt x="186586" y="295578"/>
                    <a:pt x="186586" y="294940"/>
                  </a:cubicBezTo>
                  <a:cubicBezTo>
                    <a:pt x="186586" y="294301"/>
                    <a:pt x="185947" y="294301"/>
                    <a:pt x="185947" y="293663"/>
                  </a:cubicBezTo>
                  <a:cubicBezTo>
                    <a:pt x="185947" y="293663"/>
                    <a:pt x="185947" y="293663"/>
                    <a:pt x="185947" y="293025"/>
                  </a:cubicBezTo>
                  <a:cubicBezTo>
                    <a:pt x="185947" y="292386"/>
                    <a:pt x="185947" y="292386"/>
                    <a:pt x="185947" y="291748"/>
                  </a:cubicBezTo>
                  <a:cubicBezTo>
                    <a:pt x="185947" y="291109"/>
                    <a:pt x="185947" y="291109"/>
                    <a:pt x="185947" y="290471"/>
                  </a:cubicBezTo>
                  <a:cubicBezTo>
                    <a:pt x="185947" y="289833"/>
                    <a:pt x="185947" y="289833"/>
                    <a:pt x="185947" y="289194"/>
                  </a:cubicBezTo>
                  <a:lnTo>
                    <a:pt x="186586" y="287917"/>
                  </a:lnTo>
                  <a:lnTo>
                    <a:pt x="187225" y="287279"/>
                  </a:lnTo>
                  <a:cubicBezTo>
                    <a:pt x="187225" y="286641"/>
                    <a:pt x="187864" y="286641"/>
                    <a:pt x="188503" y="286641"/>
                  </a:cubicBezTo>
                  <a:lnTo>
                    <a:pt x="188503" y="286641"/>
                  </a:lnTo>
                  <a:cubicBezTo>
                    <a:pt x="211507" y="272596"/>
                    <a:pt x="215980" y="257913"/>
                    <a:pt x="216619" y="245783"/>
                  </a:cubicBezTo>
                  <a:cubicBezTo>
                    <a:pt x="217258" y="236207"/>
                    <a:pt x="216619" y="225993"/>
                    <a:pt x="198088" y="210033"/>
                  </a:cubicBezTo>
                  <a:cubicBezTo>
                    <a:pt x="187864" y="201734"/>
                    <a:pt x="181474" y="188966"/>
                    <a:pt x="180196" y="176198"/>
                  </a:cubicBezTo>
                  <a:cubicBezTo>
                    <a:pt x="177640" y="180667"/>
                    <a:pt x="175723" y="185135"/>
                    <a:pt x="174445" y="190243"/>
                  </a:cubicBezTo>
                  <a:cubicBezTo>
                    <a:pt x="173806" y="193435"/>
                    <a:pt x="170611" y="195988"/>
                    <a:pt x="166777" y="195350"/>
                  </a:cubicBezTo>
                  <a:cubicBezTo>
                    <a:pt x="162943" y="194711"/>
                    <a:pt x="161027" y="191519"/>
                    <a:pt x="161665" y="187689"/>
                  </a:cubicBezTo>
                  <a:cubicBezTo>
                    <a:pt x="161665" y="187051"/>
                    <a:pt x="161665" y="187051"/>
                    <a:pt x="161665" y="186412"/>
                  </a:cubicBezTo>
                  <a:cubicBezTo>
                    <a:pt x="164860" y="173006"/>
                    <a:pt x="172528" y="160238"/>
                    <a:pt x="182752" y="151300"/>
                  </a:cubicBezTo>
                  <a:cubicBezTo>
                    <a:pt x="184669" y="149385"/>
                    <a:pt x="187864" y="149385"/>
                    <a:pt x="190420" y="150662"/>
                  </a:cubicBezTo>
                  <a:cubicBezTo>
                    <a:pt x="192976" y="151939"/>
                    <a:pt x="193615" y="154492"/>
                    <a:pt x="193615" y="157684"/>
                  </a:cubicBezTo>
                  <a:cubicBezTo>
                    <a:pt x="189142" y="173006"/>
                    <a:pt x="194254" y="188966"/>
                    <a:pt x="205756" y="199819"/>
                  </a:cubicBezTo>
                  <a:cubicBezTo>
                    <a:pt x="226843" y="217694"/>
                    <a:pt x="230677" y="231100"/>
                    <a:pt x="229399" y="246422"/>
                  </a:cubicBezTo>
                  <a:cubicBezTo>
                    <a:pt x="228760" y="255998"/>
                    <a:pt x="226204" y="264935"/>
                    <a:pt x="221092" y="273234"/>
                  </a:cubicBezTo>
                  <a:cubicBezTo>
                    <a:pt x="237067" y="265574"/>
                    <a:pt x="249208" y="252167"/>
                    <a:pt x="256236" y="235569"/>
                  </a:cubicBezTo>
                  <a:cubicBezTo>
                    <a:pt x="272211" y="194711"/>
                    <a:pt x="242179" y="146832"/>
                    <a:pt x="242179" y="146193"/>
                  </a:cubicBezTo>
                  <a:cubicBezTo>
                    <a:pt x="240261" y="143001"/>
                    <a:pt x="241540" y="139171"/>
                    <a:pt x="244096" y="137256"/>
                  </a:cubicBezTo>
                  <a:cubicBezTo>
                    <a:pt x="246651" y="135340"/>
                    <a:pt x="251124" y="136617"/>
                    <a:pt x="253041" y="139171"/>
                  </a:cubicBezTo>
                  <a:cubicBezTo>
                    <a:pt x="255597" y="141724"/>
                    <a:pt x="287547" y="194073"/>
                    <a:pt x="269016" y="240676"/>
                  </a:cubicBezTo>
                  <a:lnTo>
                    <a:pt x="269016" y="240676"/>
                  </a:lnTo>
                  <a:close/>
                </a:path>
              </a:pathLst>
            </a:custGeom>
            <a:solidFill>
              <a:schemeClr val="bg1"/>
            </a:solidFill>
            <a:ln w="6390" cap="flat">
              <a:noFill/>
              <a:prstDash val="solid"/>
              <a:miter/>
            </a:ln>
          </p:spPr>
          <p:txBody>
            <a:bodyPr rtlCol="0" anchor="ctr"/>
            <a:lstStyle/>
            <a:p>
              <a:endParaRPr lang="en-US" sz="1050"/>
            </a:p>
          </p:txBody>
        </p:sp>
      </p:grpSp>
      <p:grpSp>
        <p:nvGrpSpPr>
          <p:cNvPr id="63" name="Group 62">
            <a:extLst>
              <a:ext uri="{FF2B5EF4-FFF2-40B4-BE49-F238E27FC236}">
                <a16:creationId xmlns:a16="http://schemas.microsoft.com/office/drawing/2014/main" id="{6F1269C4-FEF4-4D87-B966-22AA2347CDCC}"/>
              </a:ext>
            </a:extLst>
          </p:cNvPr>
          <p:cNvGrpSpPr/>
          <p:nvPr/>
        </p:nvGrpSpPr>
        <p:grpSpPr>
          <a:xfrm>
            <a:off x="10171714" y="1550996"/>
            <a:ext cx="643168" cy="635716"/>
            <a:chOff x="3410654" y="3024005"/>
            <a:chExt cx="515935" cy="528904"/>
          </a:xfrm>
        </p:grpSpPr>
        <p:sp>
          <p:nvSpPr>
            <p:cNvPr id="64" name="Oval 63">
              <a:extLst>
                <a:ext uri="{FF2B5EF4-FFF2-40B4-BE49-F238E27FC236}">
                  <a16:creationId xmlns:a16="http://schemas.microsoft.com/office/drawing/2014/main" id="{3B9D8781-41EE-46BA-B134-766BA10CD5BD}"/>
                </a:ext>
              </a:extLst>
            </p:cNvPr>
            <p:cNvSpPr/>
            <p:nvPr/>
          </p:nvSpPr>
          <p:spPr bwMode="gray">
            <a:xfrm>
              <a:off x="3410654" y="3024005"/>
              <a:ext cx="515935" cy="528904"/>
            </a:xfrm>
            <a:prstGeom prst="ellipse">
              <a:avLst/>
            </a:prstGeom>
            <a:solidFill>
              <a:srgbClr val="046A38"/>
            </a:solidFill>
            <a:ln w="120650" algn="ctr">
              <a:solidFill>
                <a:schemeClr val="bg2">
                  <a:alpha val="62000"/>
                </a:schemeClr>
              </a:solid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000" b="1" i="0" u="none" strike="noStrike" kern="1200" cap="none" spc="0" normalizeH="0" baseline="0" noProof="0">
                <a:ln>
                  <a:noFill/>
                </a:ln>
                <a:solidFill>
                  <a:prstClr val="white"/>
                </a:solidFill>
                <a:effectLst/>
                <a:uLnTx/>
                <a:uFillTx/>
                <a:latin typeface="Calibri Light"/>
                <a:ea typeface="+mn-ea"/>
                <a:cs typeface="+mn-cs"/>
              </a:endParaRPr>
            </a:p>
          </p:txBody>
        </p:sp>
        <p:sp>
          <p:nvSpPr>
            <p:cNvPr id="65" name="Graphic 4">
              <a:extLst>
                <a:ext uri="{FF2B5EF4-FFF2-40B4-BE49-F238E27FC236}">
                  <a16:creationId xmlns:a16="http://schemas.microsoft.com/office/drawing/2014/main" id="{E1AEEFB8-3DB5-4626-89B5-2941229B0D19}"/>
                </a:ext>
              </a:extLst>
            </p:cNvPr>
            <p:cNvSpPr/>
            <p:nvPr/>
          </p:nvSpPr>
          <p:spPr>
            <a:xfrm>
              <a:off x="3659142" y="3292981"/>
              <a:ext cx="32380" cy="16904"/>
            </a:xfrm>
            <a:custGeom>
              <a:avLst/>
              <a:gdLst>
                <a:gd name="connsiteX0" fmla="*/ 0 w 37700"/>
                <a:gd name="connsiteY0" fmla="*/ 0 h 19151"/>
                <a:gd name="connsiteX1" fmla="*/ 19170 w 37700"/>
                <a:gd name="connsiteY1" fmla="*/ 19152 h 19151"/>
                <a:gd name="connsiteX2" fmla="*/ 37701 w 37700"/>
                <a:gd name="connsiteY2" fmla="*/ 0 h 19151"/>
              </a:gdLst>
              <a:ahLst/>
              <a:cxnLst>
                <a:cxn ang="0">
                  <a:pos x="connsiteX0" y="connsiteY0"/>
                </a:cxn>
                <a:cxn ang="0">
                  <a:pos x="connsiteX1" y="connsiteY1"/>
                </a:cxn>
                <a:cxn ang="0">
                  <a:pos x="connsiteX2" y="connsiteY2"/>
                </a:cxn>
              </a:cxnLst>
              <a:rect l="l" t="t" r="r" b="b"/>
              <a:pathLst>
                <a:path w="37700" h="19151">
                  <a:moveTo>
                    <a:pt x="0" y="0"/>
                  </a:moveTo>
                  <a:lnTo>
                    <a:pt x="19170" y="19152"/>
                  </a:lnTo>
                  <a:lnTo>
                    <a:pt x="37701" y="0"/>
                  </a:lnTo>
                  <a:close/>
                </a:path>
              </a:pathLst>
            </a:custGeom>
            <a:solidFill>
              <a:schemeClr val="bg1"/>
            </a:solidFill>
            <a:ln w="6390" cap="flat">
              <a:noFill/>
              <a:prstDash val="solid"/>
              <a:miter/>
            </a:ln>
          </p:spPr>
          <p:txBody>
            <a:bodyPr rtlCol="0" anchor="ctr"/>
            <a:lstStyle/>
            <a:p>
              <a:endParaRPr lang="en-US" sz="1050"/>
            </a:p>
          </p:txBody>
        </p:sp>
        <p:sp>
          <p:nvSpPr>
            <p:cNvPr id="66" name="Graphic 4">
              <a:extLst>
                <a:ext uri="{FF2B5EF4-FFF2-40B4-BE49-F238E27FC236}">
                  <a16:creationId xmlns:a16="http://schemas.microsoft.com/office/drawing/2014/main" id="{A62A5CD0-F238-49F1-B765-752A205F5DA0}"/>
                </a:ext>
              </a:extLst>
            </p:cNvPr>
            <p:cNvSpPr/>
            <p:nvPr/>
          </p:nvSpPr>
          <p:spPr>
            <a:xfrm>
              <a:off x="3519191" y="3129570"/>
              <a:ext cx="311186" cy="319497"/>
            </a:xfrm>
            <a:custGeom>
              <a:avLst/>
              <a:gdLst>
                <a:gd name="connsiteX0" fmla="*/ 180835 w 362309"/>
                <a:gd name="connsiteY0" fmla="*/ 0 h 361971"/>
                <a:gd name="connsiteX1" fmla="*/ 0 w 362309"/>
                <a:gd name="connsiteY1" fmla="*/ 181305 h 361971"/>
                <a:gd name="connsiteX2" fmla="*/ 180835 w 362309"/>
                <a:gd name="connsiteY2" fmla="*/ 361972 h 361971"/>
                <a:gd name="connsiteX3" fmla="*/ 362309 w 362309"/>
                <a:gd name="connsiteY3" fmla="*/ 181305 h 361971"/>
                <a:gd name="connsiteX4" fmla="*/ 180835 w 362309"/>
                <a:gd name="connsiteY4" fmla="*/ 0 h 361971"/>
                <a:gd name="connsiteX5" fmla="*/ 180835 w 362309"/>
                <a:gd name="connsiteY5" fmla="*/ 0 h 361971"/>
                <a:gd name="connsiteX6" fmla="*/ 286269 w 362309"/>
                <a:gd name="connsiteY6" fmla="*/ 194711 h 361971"/>
                <a:gd name="connsiteX7" fmla="*/ 279879 w 362309"/>
                <a:gd name="connsiteY7" fmla="*/ 201095 h 361971"/>
                <a:gd name="connsiteX8" fmla="*/ 273489 w 362309"/>
                <a:gd name="connsiteY8" fmla="*/ 194711 h 361971"/>
                <a:gd name="connsiteX9" fmla="*/ 273489 w 362309"/>
                <a:gd name="connsiteY9" fmla="*/ 185774 h 361971"/>
                <a:gd name="connsiteX10" fmla="*/ 248569 w 362309"/>
                <a:gd name="connsiteY10" fmla="*/ 185774 h 361971"/>
                <a:gd name="connsiteX11" fmla="*/ 248569 w 362309"/>
                <a:gd name="connsiteY11" fmla="*/ 194711 h 361971"/>
                <a:gd name="connsiteX12" fmla="*/ 242179 w 362309"/>
                <a:gd name="connsiteY12" fmla="*/ 201095 h 361971"/>
                <a:gd name="connsiteX13" fmla="*/ 235789 w 362309"/>
                <a:gd name="connsiteY13" fmla="*/ 194711 h 361971"/>
                <a:gd name="connsiteX14" fmla="*/ 235789 w 362309"/>
                <a:gd name="connsiteY14" fmla="*/ 185774 h 361971"/>
                <a:gd name="connsiteX15" fmla="*/ 214063 w 362309"/>
                <a:gd name="connsiteY15" fmla="*/ 185774 h 361971"/>
                <a:gd name="connsiteX16" fmla="*/ 214063 w 362309"/>
                <a:gd name="connsiteY16" fmla="*/ 187689 h 361971"/>
                <a:gd name="connsiteX17" fmla="*/ 233872 w 362309"/>
                <a:gd name="connsiteY17" fmla="*/ 282172 h 361971"/>
                <a:gd name="connsiteX18" fmla="*/ 249208 w 362309"/>
                <a:gd name="connsiteY18" fmla="*/ 282172 h 361971"/>
                <a:gd name="connsiteX19" fmla="*/ 255597 w 362309"/>
                <a:gd name="connsiteY19" fmla="*/ 288556 h 361971"/>
                <a:gd name="connsiteX20" fmla="*/ 249208 w 362309"/>
                <a:gd name="connsiteY20" fmla="*/ 294940 h 361971"/>
                <a:gd name="connsiteX21" fmla="*/ 112463 w 362309"/>
                <a:gd name="connsiteY21" fmla="*/ 294940 h 361971"/>
                <a:gd name="connsiteX22" fmla="*/ 106073 w 362309"/>
                <a:gd name="connsiteY22" fmla="*/ 288556 h 361971"/>
                <a:gd name="connsiteX23" fmla="*/ 112463 w 362309"/>
                <a:gd name="connsiteY23" fmla="*/ 282172 h 361971"/>
                <a:gd name="connsiteX24" fmla="*/ 127799 w 362309"/>
                <a:gd name="connsiteY24" fmla="*/ 282172 h 361971"/>
                <a:gd name="connsiteX25" fmla="*/ 148247 w 362309"/>
                <a:gd name="connsiteY25" fmla="*/ 185135 h 361971"/>
                <a:gd name="connsiteX26" fmla="*/ 127799 w 362309"/>
                <a:gd name="connsiteY26" fmla="*/ 185135 h 361971"/>
                <a:gd name="connsiteX27" fmla="*/ 127799 w 362309"/>
                <a:gd name="connsiteY27" fmla="*/ 194073 h 361971"/>
                <a:gd name="connsiteX28" fmla="*/ 121409 w 362309"/>
                <a:gd name="connsiteY28" fmla="*/ 200457 h 361971"/>
                <a:gd name="connsiteX29" fmla="*/ 115019 w 362309"/>
                <a:gd name="connsiteY29" fmla="*/ 194073 h 361971"/>
                <a:gd name="connsiteX30" fmla="*/ 115019 w 362309"/>
                <a:gd name="connsiteY30" fmla="*/ 185135 h 361971"/>
                <a:gd name="connsiteX31" fmla="*/ 88820 w 362309"/>
                <a:gd name="connsiteY31" fmla="*/ 185135 h 361971"/>
                <a:gd name="connsiteX32" fmla="*/ 88820 w 362309"/>
                <a:gd name="connsiteY32" fmla="*/ 194073 h 361971"/>
                <a:gd name="connsiteX33" fmla="*/ 82430 w 362309"/>
                <a:gd name="connsiteY33" fmla="*/ 200457 h 361971"/>
                <a:gd name="connsiteX34" fmla="*/ 76040 w 362309"/>
                <a:gd name="connsiteY34" fmla="*/ 194073 h 361971"/>
                <a:gd name="connsiteX35" fmla="*/ 76040 w 362309"/>
                <a:gd name="connsiteY35" fmla="*/ 178752 h 361971"/>
                <a:gd name="connsiteX36" fmla="*/ 76040 w 362309"/>
                <a:gd name="connsiteY36" fmla="*/ 178752 h 361971"/>
                <a:gd name="connsiteX37" fmla="*/ 76040 w 362309"/>
                <a:gd name="connsiteY37" fmla="*/ 178113 h 361971"/>
                <a:gd name="connsiteX38" fmla="*/ 76040 w 362309"/>
                <a:gd name="connsiteY38" fmla="*/ 177475 h 361971"/>
                <a:gd name="connsiteX39" fmla="*/ 76040 w 362309"/>
                <a:gd name="connsiteY39" fmla="*/ 175560 h 361971"/>
                <a:gd name="connsiteX40" fmla="*/ 76679 w 362309"/>
                <a:gd name="connsiteY40" fmla="*/ 174921 h 361971"/>
                <a:gd name="connsiteX41" fmla="*/ 77318 w 362309"/>
                <a:gd name="connsiteY41" fmla="*/ 173644 h 361971"/>
                <a:gd name="connsiteX42" fmla="*/ 77957 w 362309"/>
                <a:gd name="connsiteY42" fmla="*/ 173006 h 361971"/>
                <a:gd name="connsiteX43" fmla="*/ 78596 w 362309"/>
                <a:gd name="connsiteY43" fmla="*/ 172368 h 361971"/>
                <a:gd name="connsiteX44" fmla="*/ 157831 w 362309"/>
                <a:gd name="connsiteY44" fmla="*/ 133425 h 361971"/>
                <a:gd name="connsiteX45" fmla="*/ 159110 w 362309"/>
                <a:gd name="connsiteY45" fmla="*/ 127041 h 361971"/>
                <a:gd name="connsiteX46" fmla="*/ 113102 w 362309"/>
                <a:gd name="connsiteY46" fmla="*/ 127041 h 361971"/>
                <a:gd name="connsiteX47" fmla="*/ 113102 w 362309"/>
                <a:gd name="connsiteY47" fmla="*/ 132148 h 361971"/>
                <a:gd name="connsiteX48" fmla="*/ 106712 w 362309"/>
                <a:gd name="connsiteY48" fmla="*/ 138532 h 361971"/>
                <a:gd name="connsiteX49" fmla="*/ 100322 w 362309"/>
                <a:gd name="connsiteY49" fmla="*/ 132148 h 361971"/>
                <a:gd name="connsiteX50" fmla="*/ 100322 w 362309"/>
                <a:gd name="connsiteY50" fmla="*/ 120657 h 361971"/>
                <a:gd name="connsiteX51" fmla="*/ 100322 w 362309"/>
                <a:gd name="connsiteY51" fmla="*/ 120019 h 361971"/>
                <a:gd name="connsiteX52" fmla="*/ 100961 w 362309"/>
                <a:gd name="connsiteY52" fmla="*/ 118742 h 361971"/>
                <a:gd name="connsiteX53" fmla="*/ 101600 w 362309"/>
                <a:gd name="connsiteY53" fmla="*/ 118104 h 361971"/>
                <a:gd name="connsiteX54" fmla="*/ 102239 w 362309"/>
                <a:gd name="connsiteY54" fmla="*/ 116827 h 361971"/>
                <a:gd name="connsiteX55" fmla="*/ 103517 w 362309"/>
                <a:gd name="connsiteY55" fmla="*/ 116188 h 361971"/>
                <a:gd name="connsiteX56" fmla="*/ 104156 w 362309"/>
                <a:gd name="connsiteY56" fmla="*/ 115550 h 361971"/>
                <a:gd name="connsiteX57" fmla="*/ 168694 w 362309"/>
                <a:gd name="connsiteY57" fmla="*/ 84269 h 361971"/>
                <a:gd name="connsiteX58" fmla="*/ 174445 w 362309"/>
                <a:gd name="connsiteY58" fmla="*/ 57456 h 361971"/>
                <a:gd name="connsiteX59" fmla="*/ 179557 w 362309"/>
                <a:gd name="connsiteY59" fmla="*/ 51710 h 361971"/>
                <a:gd name="connsiteX60" fmla="*/ 184030 w 362309"/>
                <a:gd name="connsiteY60" fmla="*/ 52349 h 361971"/>
                <a:gd name="connsiteX61" fmla="*/ 187864 w 362309"/>
                <a:gd name="connsiteY61" fmla="*/ 58094 h 361971"/>
                <a:gd name="connsiteX62" fmla="*/ 193615 w 362309"/>
                <a:gd name="connsiteY62" fmla="*/ 84269 h 361971"/>
                <a:gd name="connsiteX63" fmla="*/ 257514 w 362309"/>
                <a:gd name="connsiteY63" fmla="*/ 115550 h 361971"/>
                <a:gd name="connsiteX64" fmla="*/ 257514 w 362309"/>
                <a:gd name="connsiteY64" fmla="*/ 115550 h 361971"/>
                <a:gd name="connsiteX65" fmla="*/ 258154 w 362309"/>
                <a:gd name="connsiteY65" fmla="*/ 115550 h 361971"/>
                <a:gd name="connsiteX66" fmla="*/ 258792 w 362309"/>
                <a:gd name="connsiteY66" fmla="*/ 116188 h 361971"/>
                <a:gd name="connsiteX67" fmla="*/ 260070 w 362309"/>
                <a:gd name="connsiteY67" fmla="*/ 117465 h 361971"/>
                <a:gd name="connsiteX68" fmla="*/ 260709 w 362309"/>
                <a:gd name="connsiteY68" fmla="*/ 118104 h 361971"/>
                <a:gd name="connsiteX69" fmla="*/ 261348 w 362309"/>
                <a:gd name="connsiteY69" fmla="*/ 119380 h 361971"/>
                <a:gd name="connsiteX70" fmla="*/ 261348 w 362309"/>
                <a:gd name="connsiteY70" fmla="*/ 120657 h 361971"/>
                <a:gd name="connsiteX71" fmla="*/ 261348 w 362309"/>
                <a:gd name="connsiteY71" fmla="*/ 121934 h 361971"/>
                <a:gd name="connsiteX72" fmla="*/ 261348 w 362309"/>
                <a:gd name="connsiteY72" fmla="*/ 133425 h 361971"/>
                <a:gd name="connsiteX73" fmla="*/ 254959 w 362309"/>
                <a:gd name="connsiteY73" fmla="*/ 139809 h 361971"/>
                <a:gd name="connsiteX74" fmla="*/ 248569 w 362309"/>
                <a:gd name="connsiteY74" fmla="*/ 133425 h 361971"/>
                <a:gd name="connsiteX75" fmla="*/ 248569 w 362309"/>
                <a:gd name="connsiteY75" fmla="*/ 128318 h 361971"/>
                <a:gd name="connsiteX76" fmla="*/ 202561 w 362309"/>
                <a:gd name="connsiteY76" fmla="*/ 128318 h 361971"/>
                <a:gd name="connsiteX77" fmla="*/ 203839 w 362309"/>
                <a:gd name="connsiteY77" fmla="*/ 134702 h 361971"/>
                <a:gd name="connsiteX78" fmla="*/ 283074 w 362309"/>
                <a:gd name="connsiteY78" fmla="*/ 173644 h 361971"/>
                <a:gd name="connsiteX79" fmla="*/ 283713 w 362309"/>
                <a:gd name="connsiteY79" fmla="*/ 174283 h 361971"/>
                <a:gd name="connsiteX80" fmla="*/ 284991 w 362309"/>
                <a:gd name="connsiteY80" fmla="*/ 174921 h 361971"/>
                <a:gd name="connsiteX81" fmla="*/ 285630 w 362309"/>
                <a:gd name="connsiteY81" fmla="*/ 175560 h 361971"/>
                <a:gd name="connsiteX82" fmla="*/ 286269 w 362309"/>
                <a:gd name="connsiteY82" fmla="*/ 176836 h 361971"/>
                <a:gd name="connsiteX83" fmla="*/ 286908 w 362309"/>
                <a:gd name="connsiteY83" fmla="*/ 179390 h 361971"/>
                <a:gd name="connsiteX84" fmla="*/ 286269 w 362309"/>
                <a:gd name="connsiteY84" fmla="*/ 194711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Lst>
              <a:rect l="l" t="t" r="r" b="b"/>
              <a:pathLst>
                <a:path w="362309" h="361971">
                  <a:moveTo>
                    <a:pt x="180835" y="0"/>
                  </a:moveTo>
                  <a:cubicBezTo>
                    <a:pt x="80513" y="0"/>
                    <a:pt x="0" y="81077"/>
                    <a:pt x="0" y="181305"/>
                  </a:cubicBezTo>
                  <a:cubicBezTo>
                    <a:pt x="0" y="281534"/>
                    <a:pt x="81152" y="361972"/>
                    <a:pt x="180835" y="361972"/>
                  </a:cubicBezTo>
                  <a:cubicBezTo>
                    <a:pt x="280518" y="361972"/>
                    <a:pt x="362309" y="280895"/>
                    <a:pt x="362309" y="181305"/>
                  </a:cubicBezTo>
                  <a:cubicBezTo>
                    <a:pt x="362309" y="81715"/>
                    <a:pt x="281157" y="0"/>
                    <a:pt x="180835" y="0"/>
                  </a:cubicBezTo>
                  <a:cubicBezTo>
                    <a:pt x="180835" y="0"/>
                    <a:pt x="180835" y="0"/>
                    <a:pt x="180835" y="0"/>
                  </a:cubicBezTo>
                  <a:close/>
                  <a:moveTo>
                    <a:pt x="286269" y="194711"/>
                  </a:moveTo>
                  <a:cubicBezTo>
                    <a:pt x="286269" y="198542"/>
                    <a:pt x="283713" y="201095"/>
                    <a:pt x="279879" y="201095"/>
                  </a:cubicBezTo>
                  <a:cubicBezTo>
                    <a:pt x="276045" y="201095"/>
                    <a:pt x="273489" y="198542"/>
                    <a:pt x="273489" y="194711"/>
                  </a:cubicBezTo>
                  <a:lnTo>
                    <a:pt x="273489" y="185774"/>
                  </a:lnTo>
                  <a:lnTo>
                    <a:pt x="248569" y="185774"/>
                  </a:lnTo>
                  <a:lnTo>
                    <a:pt x="248569" y="194711"/>
                  </a:lnTo>
                  <a:cubicBezTo>
                    <a:pt x="248569" y="198542"/>
                    <a:pt x="246013" y="201095"/>
                    <a:pt x="242179" y="201095"/>
                  </a:cubicBezTo>
                  <a:cubicBezTo>
                    <a:pt x="238345" y="201095"/>
                    <a:pt x="235789" y="198542"/>
                    <a:pt x="235789" y="194711"/>
                  </a:cubicBezTo>
                  <a:lnTo>
                    <a:pt x="235789" y="185774"/>
                  </a:lnTo>
                  <a:lnTo>
                    <a:pt x="214063" y="185774"/>
                  </a:lnTo>
                  <a:cubicBezTo>
                    <a:pt x="214063" y="186412"/>
                    <a:pt x="214063" y="187051"/>
                    <a:pt x="214063" y="187689"/>
                  </a:cubicBezTo>
                  <a:lnTo>
                    <a:pt x="233872" y="282172"/>
                  </a:lnTo>
                  <a:lnTo>
                    <a:pt x="249208" y="282172"/>
                  </a:lnTo>
                  <a:cubicBezTo>
                    <a:pt x="253042" y="282172"/>
                    <a:pt x="255597" y="284726"/>
                    <a:pt x="255597" y="288556"/>
                  </a:cubicBezTo>
                  <a:cubicBezTo>
                    <a:pt x="255597" y="292386"/>
                    <a:pt x="253042" y="294940"/>
                    <a:pt x="249208" y="294940"/>
                  </a:cubicBezTo>
                  <a:lnTo>
                    <a:pt x="112463" y="294940"/>
                  </a:lnTo>
                  <a:cubicBezTo>
                    <a:pt x="108629" y="294940"/>
                    <a:pt x="106073" y="292386"/>
                    <a:pt x="106073" y="288556"/>
                  </a:cubicBezTo>
                  <a:cubicBezTo>
                    <a:pt x="106073" y="284726"/>
                    <a:pt x="108629" y="282172"/>
                    <a:pt x="112463" y="282172"/>
                  </a:cubicBezTo>
                  <a:lnTo>
                    <a:pt x="127799" y="282172"/>
                  </a:lnTo>
                  <a:lnTo>
                    <a:pt x="148247" y="185135"/>
                  </a:lnTo>
                  <a:lnTo>
                    <a:pt x="127799" y="185135"/>
                  </a:lnTo>
                  <a:lnTo>
                    <a:pt x="127799" y="194073"/>
                  </a:lnTo>
                  <a:cubicBezTo>
                    <a:pt x="127799" y="197903"/>
                    <a:pt x="125243" y="200457"/>
                    <a:pt x="121409" y="200457"/>
                  </a:cubicBezTo>
                  <a:cubicBezTo>
                    <a:pt x="117575" y="200457"/>
                    <a:pt x="115019" y="197903"/>
                    <a:pt x="115019" y="194073"/>
                  </a:cubicBezTo>
                  <a:lnTo>
                    <a:pt x="115019" y="185135"/>
                  </a:lnTo>
                  <a:lnTo>
                    <a:pt x="88820" y="185135"/>
                  </a:lnTo>
                  <a:lnTo>
                    <a:pt x="88820" y="194073"/>
                  </a:lnTo>
                  <a:cubicBezTo>
                    <a:pt x="88820" y="197903"/>
                    <a:pt x="86264" y="200457"/>
                    <a:pt x="82430" y="200457"/>
                  </a:cubicBezTo>
                  <a:cubicBezTo>
                    <a:pt x="78596" y="200457"/>
                    <a:pt x="76040" y="197903"/>
                    <a:pt x="76040" y="194073"/>
                  </a:cubicBezTo>
                  <a:lnTo>
                    <a:pt x="76040" y="178752"/>
                  </a:lnTo>
                  <a:lnTo>
                    <a:pt x="76040" y="178752"/>
                  </a:lnTo>
                  <a:lnTo>
                    <a:pt x="76040" y="178113"/>
                  </a:lnTo>
                  <a:cubicBezTo>
                    <a:pt x="76040" y="178113"/>
                    <a:pt x="76040" y="177475"/>
                    <a:pt x="76040" y="177475"/>
                  </a:cubicBezTo>
                  <a:cubicBezTo>
                    <a:pt x="76040" y="176836"/>
                    <a:pt x="76040" y="176198"/>
                    <a:pt x="76040" y="175560"/>
                  </a:cubicBezTo>
                  <a:cubicBezTo>
                    <a:pt x="76040" y="175560"/>
                    <a:pt x="76040" y="174921"/>
                    <a:pt x="76679" y="174921"/>
                  </a:cubicBezTo>
                  <a:cubicBezTo>
                    <a:pt x="76679" y="174283"/>
                    <a:pt x="77318" y="174283"/>
                    <a:pt x="77318" y="173644"/>
                  </a:cubicBezTo>
                  <a:lnTo>
                    <a:pt x="77957" y="173006"/>
                  </a:lnTo>
                  <a:cubicBezTo>
                    <a:pt x="77957" y="173006"/>
                    <a:pt x="78596" y="172368"/>
                    <a:pt x="78596" y="172368"/>
                  </a:cubicBezTo>
                  <a:lnTo>
                    <a:pt x="157831" y="133425"/>
                  </a:lnTo>
                  <a:lnTo>
                    <a:pt x="159110" y="127041"/>
                  </a:lnTo>
                  <a:lnTo>
                    <a:pt x="113102" y="127041"/>
                  </a:lnTo>
                  <a:lnTo>
                    <a:pt x="113102" y="132148"/>
                  </a:lnTo>
                  <a:cubicBezTo>
                    <a:pt x="113102" y="135979"/>
                    <a:pt x="110546" y="138532"/>
                    <a:pt x="106712" y="138532"/>
                  </a:cubicBezTo>
                  <a:cubicBezTo>
                    <a:pt x="102878" y="138532"/>
                    <a:pt x="100322" y="135979"/>
                    <a:pt x="100322" y="132148"/>
                  </a:cubicBezTo>
                  <a:lnTo>
                    <a:pt x="100322" y="120657"/>
                  </a:lnTo>
                  <a:cubicBezTo>
                    <a:pt x="100322" y="120657"/>
                    <a:pt x="100322" y="120019"/>
                    <a:pt x="100322" y="120019"/>
                  </a:cubicBezTo>
                  <a:cubicBezTo>
                    <a:pt x="100322" y="119380"/>
                    <a:pt x="100322" y="118742"/>
                    <a:pt x="100961" y="118742"/>
                  </a:cubicBezTo>
                  <a:cubicBezTo>
                    <a:pt x="100961" y="118104"/>
                    <a:pt x="100961" y="118104"/>
                    <a:pt x="101600" y="118104"/>
                  </a:cubicBezTo>
                  <a:cubicBezTo>
                    <a:pt x="101600" y="117465"/>
                    <a:pt x="102239" y="117465"/>
                    <a:pt x="102239" y="116827"/>
                  </a:cubicBezTo>
                  <a:cubicBezTo>
                    <a:pt x="102878" y="116188"/>
                    <a:pt x="102878" y="116188"/>
                    <a:pt x="103517" y="116188"/>
                  </a:cubicBezTo>
                  <a:lnTo>
                    <a:pt x="104156" y="115550"/>
                  </a:lnTo>
                  <a:lnTo>
                    <a:pt x="168694" y="84269"/>
                  </a:lnTo>
                  <a:lnTo>
                    <a:pt x="174445" y="57456"/>
                  </a:lnTo>
                  <a:cubicBezTo>
                    <a:pt x="174445" y="54902"/>
                    <a:pt x="176362" y="52349"/>
                    <a:pt x="179557" y="51710"/>
                  </a:cubicBezTo>
                  <a:cubicBezTo>
                    <a:pt x="180835" y="51072"/>
                    <a:pt x="182752" y="51710"/>
                    <a:pt x="184030" y="52349"/>
                  </a:cubicBezTo>
                  <a:cubicBezTo>
                    <a:pt x="185947" y="53626"/>
                    <a:pt x="187864" y="55541"/>
                    <a:pt x="187864" y="58094"/>
                  </a:cubicBezTo>
                  <a:lnTo>
                    <a:pt x="193615" y="84269"/>
                  </a:lnTo>
                  <a:lnTo>
                    <a:pt x="257514" y="115550"/>
                  </a:lnTo>
                  <a:lnTo>
                    <a:pt x="257514" y="115550"/>
                  </a:lnTo>
                  <a:lnTo>
                    <a:pt x="258154" y="115550"/>
                  </a:lnTo>
                  <a:cubicBezTo>
                    <a:pt x="258154" y="115550"/>
                    <a:pt x="258154" y="115550"/>
                    <a:pt x="258792" y="116188"/>
                  </a:cubicBezTo>
                  <a:cubicBezTo>
                    <a:pt x="259431" y="116188"/>
                    <a:pt x="259431" y="116827"/>
                    <a:pt x="260070" y="117465"/>
                  </a:cubicBezTo>
                  <a:cubicBezTo>
                    <a:pt x="260070" y="117465"/>
                    <a:pt x="260709" y="118104"/>
                    <a:pt x="260709" y="118104"/>
                  </a:cubicBezTo>
                  <a:cubicBezTo>
                    <a:pt x="260709" y="118742"/>
                    <a:pt x="261348" y="118742"/>
                    <a:pt x="261348" y="119380"/>
                  </a:cubicBezTo>
                  <a:cubicBezTo>
                    <a:pt x="261348" y="120019"/>
                    <a:pt x="261348" y="120019"/>
                    <a:pt x="261348" y="120657"/>
                  </a:cubicBezTo>
                  <a:cubicBezTo>
                    <a:pt x="261348" y="121296"/>
                    <a:pt x="261348" y="121296"/>
                    <a:pt x="261348" y="121934"/>
                  </a:cubicBezTo>
                  <a:lnTo>
                    <a:pt x="261348" y="133425"/>
                  </a:lnTo>
                  <a:cubicBezTo>
                    <a:pt x="261348" y="137256"/>
                    <a:pt x="258792" y="139809"/>
                    <a:pt x="254959" y="139809"/>
                  </a:cubicBezTo>
                  <a:cubicBezTo>
                    <a:pt x="251125" y="139809"/>
                    <a:pt x="248569" y="137256"/>
                    <a:pt x="248569" y="133425"/>
                  </a:cubicBezTo>
                  <a:lnTo>
                    <a:pt x="248569" y="128318"/>
                  </a:lnTo>
                  <a:lnTo>
                    <a:pt x="202561" y="128318"/>
                  </a:lnTo>
                  <a:lnTo>
                    <a:pt x="203839" y="134702"/>
                  </a:lnTo>
                  <a:lnTo>
                    <a:pt x="283074" y="173644"/>
                  </a:lnTo>
                  <a:cubicBezTo>
                    <a:pt x="283074" y="173644"/>
                    <a:pt x="283713" y="174283"/>
                    <a:pt x="283713" y="174283"/>
                  </a:cubicBezTo>
                  <a:cubicBezTo>
                    <a:pt x="284352" y="174283"/>
                    <a:pt x="284352" y="174921"/>
                    <a:pt x="284991" y="174921"/>
                  </a:cubicBezTo>
                  <a:cubicBezTo>
                    <a:pt x="284991" y="174921"/>
                    <a:pt x="285630" y="175560"/>
                    <a:pt x="285630" y="175560"/>
                  </a:cubicBezTo>
                  <a:cubicBezTo>
                    <a:pt x="285630" y="176198"/>
                    <a:pt x="286269" y="176198"/>
                    <a:pt x="286269" y="176836"/>
                  </a:cubicBezTo>
                  <a:cubicBezTo>
                    <a:pt x="286269" y="177475"/>
                    <a:pt x="286269" y="178113"/>
                    <a:pt x="286908" y="179390"/>
                  </a:cubicBezTo>
                  <a:lnTo>
                    <a:pt x="286269" y="194711"/>
                  </a:lnTo>
                  <a:close/>
                </a:path>
              </a:pathLst>
            </a:custGeom>
            <a:solidFill>
              <a:schemeClr val="bg1"/>
            </a:solidFill>
            <a:ln w="6390" cap="flat">
              <a:noFill/>
              <a:prstDash val="solid"/>
              <a:miter/>
            </a:ln>
          </p:spPr>
          <p:txBody>
            <a:bodyPr rtlCol="0" anchor="ctr"/>
            <a:lstStyle/>
            <a:p>
              <a:endParaRPr lang="en-US" sz="1050"/>
            </a:p>
          </p:txBody>
        </p:sp>
      </p:grpSp>
    </p:spTree>
    <p:extLst>
      <p:ext uri="{BB962C8B-B14F-4D97-AF65-F5344CB8AC3E}">
        <p14:creationId xmlns:p14="http://schemas.microsoft.com/office/powerpoint/2010/main" val="3380556942"/>
      </p:ext>
    </p:extLst>
  </p:cSld>
  <p:clrMapOvr>
    <a:masterClrMapping/>
  </p:clrMapOvr>
  <mc:AlternateContent xmlns:mc="http://schemas.openxmlformats.org/markup-compatibility/2006" xmlns:p14="http://schemas.microsoft.com/office/powerpoint/2010/main">
    <mc:Choice Requires="p14">
      <p:transition spd="slow" p14:dur="2000" advClick="0" advTm="0"/>
    </mc:Choice>
    <mc:Fallback xmlns="">
      <p:transition spd="slow" advClick="0" advTm="0"/>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6" name="Rectangle 65">
            <a:extLst>
              <a:ext uri="{FF2B5EF4-FFF2-40B4-BE49-F238E27FC236}">
                <a16:creationId xmlns:a16="http://schemas.microsoft.com/office/drawing/2014/main" id="{2574ED9A-AD4C-4453-9E6B-9E797B030B2F}"/>
              </a:ext>
            </a:extLst>
          </p:cNvPr>
          <p:cNvSpPr/>
          <p:nvPr/>
        </p:nvSpPr>
        <p:spPr>
          <a:xfrm>
            <a:off x="2462745" y="1613822"/>
            <a:ext cx="9045387" cy="2462213"/>
          </a:xfrm>
          <a:prstGeom prst="rect">
            <a:avLst/>
          </a:prstGeom>
        </p:spPr>
        <p:txBody>
          <a:bodyPr wrap="square">
            <a:spAutoFit/>
          </a:bodyPr>
          <a:lstStyle/>
          <a:p>
            <a:r>
              <a:rPr lang="en-GB" sz="1400" dirty="0">
                <a:latin typeface="Roboto Slab regular" pitchFamily="2" charset="0"/>
                <a:ea typeface="Roboto Slab regular" pitchFamily="2" charset="0"/>
                <a:cs typeface="Arial" panose="020B0604020202020204" pitchFamily="34" charset="0"/>
              </a:rPr>
              <a:t>Becoming an Automated Meter Reading Service Provider (ASP) in the gas market is voluntary and there are no specific regulatory obligations involved. Instead this accreditation is to inform best practice. </a:t>
            </a:r>
          </a:p>
          <a:p>
            <a:endParaRPr lang="en-GB" sz="1400" dirty="0">
              <a:latin typeface="Roboto Slab regular" pitchFamily="2" charset="0"/>
              <a:ea typeface="Roboto Slab regular" pitchFamily="2" charset="0"/>
              <a:cs typeface="Arial" panose="020B0604020202020204" pitchFamily="34" charset="0"/>
            </a:endParaRPr>
          </a:p>
          <a:p>
            <a:r>
              <a:rPr lang="en-GB" sz="1400" dirty="0"/>
              <a:t>Upon initial accreditation your scheme will only comprise the desktop audit, and you will then receive a provisional one-year certificate . At the end of your first year of operating, you will then undertake both a desktop audit and a site audit before receiving a full two-year certification. </a:t>
            </a:r>
            <a:endParaRPr lang="en-GB" sz="1400" dirty="0">
              <a:latin typeface="Roboto Slab regular" pitchFamily="2" charset="0"/>
              <a:ea typeface="Roboto Slab regular" pitchFamily="2" charset="0"/>
              <a:cs typeface="Arial" panose="020B0604020202020204" pitchFamily="34" charset="0"/>
            </a:endParaRPr>
          </a:p>
          <a:p>
            <a:r>
              <a:rPr lang="en-GB" sz="1400" dirty="0">
                <a:latin typeface="Roboto Slab regular" pitchFamily="2" charset="0"/>
                <a:ea typeface="Roboto Slab regular" pitchFamily="2" charset="0"/>
                <a:cs typeface="Arial" panose="020B0604020202020204" pitchFamily="34" charset="0"/>
              </a:rPr>
              <a:t> </a:t>
            </a:r>
          </a:p>
          <a:p>
            <a:r>
              <a:rPr lang="en-GB" sz="1400" dirty="0">
                <a:latin typeface="Roboto Slab regular" pitchFamily="2" charset="0"/>
                <a:ea typeface="Roboto Slab regular" pitchFamily="2" charset="0"/>
                <a:cs typeface="Arial" panose="020B0604020202020204" pitchFamily="34" charset="0"/>
              </a:rPr>
              <a:t>There is no requirement for ASPs to complete BSAs, ISDPs, any internal testing or any annual statements in respect of their ASP role. However, any organisation wishing to be registered as an ASP will be required to comply with a periodic audit to demonstrate their compliance with the ASP requirements under </a:t>
            </a:r>
            <a:r>
              <a:rPr lang="en-GB" sz="1400" dirty="0" err="1">
                <a:latin typeface="Roboto Slab regular" pitchFamily="2" charset="0"/>
                <a:ea typeface="Roboto Slab regular" pitchFamily="2" charset="0"/>
                <a:cs typeface="Arial" panose="020B0604020202020204" pitchFamily="34" charset="0"/>
              </a:rPr>
              <a:t>CoMCoP</a:t>
            </a:r>
            <a:r>
              <a:rPr lang="en-GB" sz="1400" dirty="0">
                <a:latin typeface="Roboto Slab regular" pitchFamily="2" charset="0"/>
                <a:ea typeface="Roboto Slab regular" pitchFamily="2" charset="0"/>
                <a:cs typeface="Arial" panose="020B0604020202020204" pitchFamily="34" charset="0"/>
              </a:rPr>
              <a:t>. </a:t>
            </a:r>
          </a:p>
        </p:txBody>
      </p:sp>
      <p:pic>
        <p:nvPicPr>
          <p:cNvPr id="94" name="Picture 93">
            <a:extLst>
              <a:ext uri="{FF2B5EF4-FFF2-40B4-BE49-F238E27FC236}">
                <a16:creationId xmlns:a16="http://schemas.microsoft.com/office/drawing/2014/main" id="{1634C71A-EC92-4D1D-A766-EC659B8BB1A1}"/>
              </a:ext>
            </a:extLst>
          </p:cNvPr>
          <p:cNvPicPr>
            <a:picLocks noChangeAspect="1"/>
          </p:cNvPicPr>
          <p:nvPr/>
        </p:nvPicPr>
        <p:blipFill rotWithShape="1">
          <a:blip r:embed="rId3"/>
          <a:srcRect r="5961" b="1387"/>
          <a:stretch/>
        </p:blipFill>
        <p:spPr>
          <a:xfrm>
            <a:off x="0" y="0"/>
            <a:ext cx="2355742" cy="6509288"/>
          </a:xfrm>
          <a:prstGeom prst="rect">
            <a:avLst/>
          </a:prstGeom>
        </p:spPr>
      </p:pic>
      <p:sp>
        <p:nvSpPr>
          <p:cNvPr id="67" name="Title 1">
            <a:extLst>
              <a:ext uri="{FF2B5EF4-FFF2-40B4-BE49-F238E27FC236}">
                <a16:creationId xmlns:a16="http://schemas.microsoft.com/office/drawing/2014/main" id="{6830D8CE-A744-48B8-86EF-992B23F19DCB}"/>
              </a:ext>
            </a:extLst>
          </p:cNvPr>
          <p:cNvSpPr txBox="1">
            <a:spLocks/>
          </p:cNvSpPr>
          <p:nvPr/>
        </p:nvSpPr>
        <p:spPr>
          <a:xfrm>
            <a:off x="2444235" y="1278774"/>
            <a:ext cx="7554686" cy="67844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000" b="1" i="0" kern="1200" cap="all" spc="250" baseline="0">
                <a:solidFill>
                  <a:srgbClr val="68A495"/>
                </a:solidFill>
                <a:latin typeface="Roboto" panose="02000000000000000000" pitchFamily="2" charset="0"/>
                <a:ea typeface="+mj-ea"/>
                <a:cs typeface="+mj-cs"/>
              </a:defRPr>
            </a:lvl1pPr>
          </a:lstStyle>
          <a:p>
            <a:r>
              <a:rPr lang="en-GB" sz="2400" dirty="0"/>
              <a:t>Becoming accredited </a:t>
            </a:r>
            <a:r>
              <a:rPr lang="en-GB" sz="2400" dirty="0">
                <a:solidFill>
                  <a:srgbClr val="93BDB5"/>
                </a:solidFill>
              </a:rPr>
              <a:t>(ASP)</a:t>
            </a:r>
            <a:r>
              <a:rPr lang="en-GB" sz="2400" dirty="0"/>
              <a:t> </a:t>
            </a:r>
            <a:br>
              <a:rPr lang="en-GB" sz="2400" dirty="0"/>
            </a:br>
            <a:endParaRPr lang="en-GB" sz="2400" dirty="0"/>
          </a:p>
        </p:txBody>
      </p:sp>
      <p:pic>
        <p:nvPicPr>
          <p:cNvPr id="68" name="Picture 67">
            <a:hlinkClick r:id="" action="ppaction://hlinkshowjump?jump=nextslide"/>
            <a:extLst>
              <a:ext uri="{FF2B5EF4-FFF2-40B4-BE49-F238E27FC236}">
                <a16:creationId xmlns:a16="http://schemas.microsoft.com/office/drawing/2014/main" id="{FBDC6662-0017-4F0B-87B6-39923344CD15}"/>
              </a:ext>
            </a:extLst>
          </p:cNvPr>
          <p:cNvPicPr>
            <a:picLocks noChangeAspect="1"/>
          </p:cNvPicPr>
          <p:nvPr/>
        </p:nvPicPr>
        <p:blipFill>
          <a:blip r:embed="rId4"/>
          <a:stretch>
            <a:fillRect/>
          </a:stretch>
        </p:blipFill>
        <p:spPr>
          <a:xfrm>
            <a:off x="11127525" y="305316"/>
            <a:ext cx="704850" cy="447675"/>
          </a:xfrm>
          <a:prstGeom prst="rect">
            <a:avLst/>
          </a:prstGeom>
        </p:spPr>
      </p:pic>
      <p:pic>
        <p:nvPicPr>
          <p:cNvPr id="69" name="Picture 68">
            <a:hlinkClick r:id="" action="ppaction://hlinkshowjump?jump=previousslide"/>
            <a:extLst>
              <a:ext uri="{FF2B5EF4-FFF2-40B4-BE49-F238E27FC236}">
                <a16:creationId xmlns:a16="http://schemas.microsoft.com/office/drawing/2014/main" id="{DE022089-EF62-4F6B-8DB1-6EA1495A6368}"/>
              </a:ext>
            </a:extLst>
          </p:cNvPr>
          <p:cNvPicPr>
            <a:picLocks noChangeAspect="1"/>
          </p:cNvPicPr>
          <p:nvPr/>
        </p:nvPicPr>
        <p:blipFill>
          <a:blip r:embed="rId5"/>
          <a:stretch>
            <a:fillRect/>
          </a:stretch>
        </p:blipFill>
        <p:spPr>
          <a:xfrm>
            <a:off x="5041765" y="305316"/>
            <a:ext cx="676275" cy="533400"/>
          </a:xfrm>
          <a:prstGeom prst="rect">
            <a:avLst/>
          </a:prstGeom>
        </p:spPr>
      </p:pic>
      <p:pic>
        <p:nvPicPr>
          <p:cNvPr id="71" name="Picture 70">
            <a:hlinkClick r:id="rId6" action="ppaction://hlinksldjump"/>
            <a:extLst>
              <a:ext uri="{FF2B5EF4-FFF2-40B4-BE49-F238E27FC236}">
                <a16:creationId xmlns:a16="http://schemas.microsoft.com/office/drawing/2014/main" id="{8CA3CD34-E014-4D0E-B1CA-0705248579F6}"/>
              </a:ext>
            </a:extLst>
          </p:cNvPr>
          <p:cNvPicPr>
            <a:picLocks noChangeAspect="1"/>
          </p:cNvPicPr>
          <p:nvPr/>
        </p:nvPicPr>
        <p:blipFill>
          <a:blip r:embed="rId7"/>
          <a:stretch>
            <a:fillRect/>
          </a:stretch>
        </p:blipFill>
        <p:spPr>
          <a:xfrm>
            <a:off x="3917185" y="322134"/>
            <a:ext cx="485775" cy="477679"/>
          </a:xfrm>
          <a:prstGeom prst="rect">
            <a:avLst/>
          </a:prstGeom>
        </p:spPr>
      </p:pic>
      <p:pic>
        <p:nvPicPr>
          <p:cNvPr id="13" name="Picture 12">
            <a:hlinkClick r:id="rId8"/>
            <a:extLst>
              <a:ext uri="{FF2B5EF4-FFF2-40B4-BE49-F238E27FC236}">
                <a16:creationId xmlns:a16="http://schemas.microsoft.com/office/drawing/2014/main" id="{442B9968-F785-4DD7-85B3-C2B696F5E124}"/>
              </a:ext>
            </a:extLst>
          </p:cNvPr>
          <p:cNvPicPr>
            <a:picLocks noChangeAspect="1"/>
          </p:cNvPicPr>
          <p:nvPr/>
        </p:nvPicPr>
        <p:blipFill>
          <a:blip r:embed="rId9"/>
          <a:stretch>
            <a:fillRect/>
          </a:stretch>
        </p:blipFill>
        <p:spPr>
          <a:xfrm>
            <a:off x="4453970" y="323563"/>
            <a:ext cx="485775" cy="476250"/>
          </a:xfrm>
          <a:prstGeom prst="rect">
            <a:avLst/>
          </a:prstGeom>
        </p:spPr>
      </p:pic>
      <p:sp>
        <p:nvSpPr>
          <p:cNvPr id="12" name="TextBox 11">
            <a:extLst>
              <a:ext uri="{FF2B5EF4-FFF2-40B4-BE49-F238E27FC236}">
                <a16:creationId xmlns:a16="http://schemas.microsoft.com/office/drawing/2014/main" id="{D6B16F47-8F21-4E6B-9DC1-401460B17ADA}"/>
              </a:ext>
            </a:extLst>
          </p:cNvPr>
          <p:cNvSpPr txBox="1"/>
          <p:nvPr/>
        </p:nvSpPr>
        <p:spPr>
          <a:xfrm>
            <a:off x="6223559" y="277344"/>
            <a:ext cx="5266063" cy="369332"/>
          </a:xfrm>
          <a:prstGeom prst="rect">
            <a:avLst/>
          </a:prstGeom>
          <a:noFill/>
        </p:spPr>
        <p:txBody>
          <a:bodyPr wrap="square" rtlCol="0">
            <a:spAutoFit/>
          </a:bodyPr>
          <a:lstStyle/>
          <a:p>
            <a:r>
              <a:rPr lang="en-GB">
                <a:solidFill>
                  <a:schemeClr val="bg1"/>
                </a:solidFill>
              </a:rPr>
              <a:t>Animation holder</a:t>
            </a:r>
          </a:p>
        </p:txBody>
      </p:sp>
      <p:grpSp>
        <p:nvGrpSpPr>
          <p:cNvPr id="85" name="Group 84">
            <a:extLst>
              <a:ext uri="{FF2B5EF4-FFF2-40B4-BE49-F238E27FC236}">
                <a16:creationId xmlns:a16="http://schemas.microsoft.com/office/drawing/2014/main" id="{C7D22AE7-F8E6-0880-B2FB-D820A62CD74A}"/>
              </a:ext>
            </a:extLst>
          </p:cNvPr>
          <p:cNvGrpSpPr/>
          <p:nvPr/>
        </p:nvGrpSpPr>
        <p:grpSpPr>
          <a:xfrm>
            <a:off x="2517558" y="4195639"/>
            <a:ext cx="9314817" cy="2015848"/>
            <a:chOff x="2536673" y="4108611"/>
            <a:chExt cx="9314817" cy="2015848"/>
          </a:xfrm>
        </p:grpSpPr>
        <p:cxnSp>
          <p:nvCxnSpPr>
            <p:cNvPr id="79" name="Straight Arrow Connector 78">
              <a:extLst>
                <a:ext uri="{FF2B5EF4-FFF2-40B4-BE49-F238E27FC236}">
                  <a16:creationId xmlns:a16="http://schemas.microsoft.com/office/drawing/2014/main" id="{591C5960-4BB5-2119-F809-BA9C1575E8B6}"/>
                </a:ext>
              </a:extLst>
            </p:cNvPr>
            <p:cNvCxnSpPr>
              <a:cxnSpLocks/>
            </p:cNvCxnSpPr>
            <p:nvPr/>
          </p:nvCxnSpPr>
          <p:spPr>
            <a:xfrm flipV="1">
              <a:off x="8113988" y="5114583"/>
              <a:ext cx="754136" cy="3632"/>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nvGrpSpPr>
            <p:cNvPr id="84" name="Group 83">
              <a:extLst>
                <a:ext uri="{FF2B5EF4-FFF2-40B4-BE49-F238E27FC236}">
                  <a16:creationId xmlns:a16="http://schemas.microsoft.com/office/drawing/2014/main" id="{5BE5A29F-2090-3EA2-8B14-3F911B6BE4E2}"/>
                </a:ext>
              </a:extLst>
            </p:cNvPr>
            <p:cNvGrpSpPr/>
            <p:nvPr/>
          </p:nvGrpSpPr>
          <p:grpSpPr>
            <a:xfrm>
              <a:off x="2536673" y="4108611"/>
              <a:ext cx="9314817" cy="2015848"/>
              <a:chOff x="2536673" y="4108611"/>
              <a:chExt cx="9314817" cy="2015848"/>
            </a:xfrm>
          </p:grpSpPr>
          <p:grpSp>
            <p:nvGrpSpPr>
              <p:cNvPr id="8" name="Group 7">
                <a:extLst>
                  <a:ext uri="{FF2B5EF4-FFF2-40B4-BE49-F238E27FC236}">
                    <a16:creationId xmlns:a16="http://schemas.microsoft.com/office/drawing/2014/main" id="{8CD7CC7B-2D29-8FC8-C266-77CFB1F5A773}"/>
                  </a:ext>
                </a:extLst>
              </p:cNvPr>
              <p:cNvGrpSpPr/>
              <p:nvPr/>
            </p:nvGrpSpPr>
            <p:grpSpPr>
              <a:xfrm>
                <a:off x="2536673" y="4108611"/>
                <a:ext cx="9314817" cy="2015848"/>
                <a:chOff x="2807436" y="4158852"/>
                <a:chExt cx="9314817" cy="2015848"/>
              </a:xfrm>
            </p:grpSpPr>
            <p:grpSp>
              <p:nvGrpSpPr>
                <p:cNvPr id="16" name="Group 15">
                  <a:extLst>
                    <a:ext uri="{FF2B5EF4-FFF2-40B4-BE49-F238E27FC236}">
                      <a16:creationId xmlns:a16="http://schemas.microsoft.com/office/drawing/2014/main" id="{9CBBDB1D-D70E-4C79-AB05-9D5431C19D88}"/>
                    </a:ext>
                  </a:extLst>
                </p:cNvPr>
                <p:cNvGrpSpPr/>
                <p:nvPr/>
              </p:nvGrpSpPr>
              <p:grpSpPr>
                <a:xfrm>
                  <a:off x="11615140" y="4158852"/>
                  <a:ext cx="507113" cy="2015848"/>
                  <a:chOff x="3286161" y="5238910"/>
                  <a:chExt cx="507113" cy="2015848"/>
                </a:xfrm>
              </p:grpSpPr>
              <p:sp>
                <p:nvSpPr>
                  <p:cNvPr id="18" name="Rectangle: Rounded Corners 17">
                    <a:extLst>
                      <a:ext uri="{FF2B5EF4-FFF2-40B4-BE49-F238E27FC236}">
                        <a16:creationId xmlns:a16="http://schemas.microsoft.com/office/drawing/2014/main" id="{EF1C0C39-B822-4F9D-95CA-EC492AD235F8}"/>
                      </a:ext>
                    </a:extLst>
                  </p:cNvPr>
                  <p:cNvSpPr/>
                  <p:nvPr/>
                </p:nvSpPr>
                <p:spPr>
                  <a:xfrm>
                    <a:off x="3286161" y="5256910"/>
                    <a:ext cx="487998" cy="1906090"/>
                  </a:xfrm>
                  <a:prstGeom prst="roundRect">
                    <a:avLst/>
                  </a:prstGeom>
                  <a:solidFill>
                    <a:srgbClr val="70AD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19" name="TextBox 18">
                    <a:extLst>
                      <a:ext uri="{FF2B5EF4-FFF2-40B4-BE49-F238E27FC236}">
                        <a16:creationId xmlns:a16="http://schemas.microsoft.com/office/drawing/2014/main" id="{C9B780E8-F443-4BB5-A9DE-2CBD4C849E6D}"/>
                      </a:ext>
                    </a:extLst>
                  </p:cNvPr>
                  <p:cNvSpPr txBox="1"/>
                  <p:nvPr/>
                </p:nvSpPr>
                <p:spPr>
                  <a:xfrm rot="16200000">
                    <a:off x="2539129" y="6000612"/>
                    <a:ext cx="2015848" cy="492443"/>
                  </a:xfrm>
                  <a:prstGeom prst="rect">
                    <a:avLst/>
                  </a:prstGeom>
                  <a:noFill/>
                </p:spPr>
                <p:txBody>
                  <a:bodyPr wrap="square" rtlCol="0">
                    <a:spAutoFit/>
                  </a:bodyPr>
                  <a:lstStyle/>
                  <a:p>
                    <a:pPr algn="ctr"/>
                    <a:r>
                      <a:rPr lang="en-GB" sz="1200" dirty="0">
                        <a:solidFill>
                          <a:schemeClr val="bg2"/>
                        </a:solidFill>
                      </a:rPr>
                      <a:t>Bi-Annual </a:t>
                    </a:r>
                    <a:r>
                      <a:rPr lang="en-GB" sz="1400" dirty="0">
                        <a:solidFill>
                          <a:schemeClr val="bg2"/>
                        </a:solidFill>
                      </a:rPr>
                      <a:t>Maintenance</a:t>
                    </a:r>
                    <a:endParaRPr lang="en-GB" sz="1200" dirty="0">
                      <a:solidFill>
                        <a:schemeClr val="bg2"/>
                      </a:solidFill>
                    </a:endParaRPr>
                  </a:p>
                </p:txBody>
              </p:sp>
            </p:grpSp>
            <p:cxnSp>
              <p:nvCxnSpPr>
                <p:cNvPr id="17" name="Straight Arrow Connector 16">
                  <a:extLst>
                    <a:ext uri="{FF2B5EF4-FFF2-40B4-BE49-F238E27FC236}">
                      <a16:creationId xmlns:a16="http://schemas.microsoft.com/office/drawing/2014/main" id="{878CD251-767E-4C3A-8226-61D76CF37605}"/>
                    </a:ext>
                  </a:extLst>
                </p:cNvPr>
                <p:cNvCxnSpPr>
                  <a:cxnSpLocks/>
                </p:cNvCxnSpPr>
                <p:nvPr/>
              </p:nvCxnSpPr>
              <p:spPr>
                <a:xfrm flipV="1">
                  <a:off x="10791389" y="5161514"/>
                  <a:ext cx="754136" cy="3632"/>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nvGrpSpPr>
                <p:cNvPr id="7" name="Group 6">
                  <a:extLst>
                    <a:ext uri="{FF2B5EF4-FFF2-40B4-BE49-F238E27FC236}">
                      <a16:creationId xmlns:a16="http://schemas.microsoft.com/office/drawing/2014/main" id="{80598F49-D954-3A7D-0A26-D1934BF0730C}"/>
                    </a:ext>
                  </a:extLst>
                </p:cNvPr>
                <p:cNvGrpSpPr/>
                <p:nvPr/>
              </p:nvGrpSpPr>
              <p:grpSpPr>
                <a:xfrm>
                  <a:off x="2807436" y="4827737"/>
                  <a:ext cx="7909261" cy="653596"/>
                  <a:chOff x="2889555" y="4831035"/>
                  <a:chExt cx="7909261" cy="653596"/>
                </a:xfrm>
              </p:grpSpPr>
              <p:grpSp>
                <p:nvGrpSpPr>
                  <p:cNvPr id="24" name="Group 23">
                    <a:extLst>
                      <a:ext uri="{FF2B5EF4-FFF2-40B4-BE49-F238E27FC236}">
                        <a16:creationId xmlns:a16="http://schemas.microsoft.com/office/drawing/2014/main" id="{A64F3F0C-E160-42F6-B741-FD4A89ED396D}"/>
                      </a:ext>
                    </a:extLst>
                  </p:cNvPr>
                  <p:cNvGrpSpPr/>
                  <p:nvPr/>
                </p:nvGrpSpPr>
                <p:grpSpPr>
                  <a:xfrm>
                    <a:off x="2889555" y="4831035"/>
                    <a:ext cx="7909261" cy="653596"/>
                    <a:chOff x="2889556" y="4469336"/>
                    <a:chExt cx="7909261" cy="653596"/>
                  </a:xfrm>
                </p:grpSpPr>
                <p:sp>
                  <p:nvSpPr>
                    <p:cNvPr id="27" name="Rectangle: Rounded Corners 26">
                      <a:extLst>
                        <a:ext uri="{FF2B5EF4-FFF2-40B4-BE49-F238E27FC236}">
                          <a16:creationId xmlns:a16="http://schemas.microsoft.com/office/drawing/2014/main" id="{B6D6B5D8-0D4E-4E0C-AA78-ECB785806EDE}"/>
                        </a:ext>
                      </a:extLst>
                    </p:cNvPr>
                    <p:cNvSpPr/>
                    <p:nvPr/>
                  </p:nvSpPr>
                  <p:spPr>
                    <a:xfrm>
                      <a:off x="2889556" y="4537083"/>
                      <a:ext cx="1870837" cy="539324"/>
                    </a:xfrm>
                    <a:prstGeom prst="roundRect">
                      <a:avLst/>
                    </a:prstGeom>
                    <a:solidFill>
                      <a:srgbClr val="70AD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grpSp>
                  <p:nvGrpSpPr>
                    <p:cNvPr id="52" name="Group 51">
                      <a:extLst>
                        <a:ext uri="{FF2B5EF4-FFF2-40B4-BE49-F238E27FC236}">
                          <a16:creationId xmlns:a16="http://schemas.microsoft.com/office/drawing/2014/main" id="{FAB3AC62-34D0-4700-8656-42E292AE2B46}"/>
                        </a:ext>
                      </a:extLst>
                    </p:cNvPr>
                    <p:cNvGrpSpPr/>
                    <p:nvPr/>
                  </p:nvGrpSpPr>
                  <p:grpSpPr>
                    <a:xfrm>
                      <a:off x="6893496" y="4469336"/>
                      <a:ext cx="3905321" cy="653596"/>
                      <a:chOff x="5597448" y="4981223"/>
                      <a:chExt cx="3905321" cy="653596"/>
                    </a:xfrm>
                  </p:grpSpPr>
                  <p:grpSp>
                    <p:nvGrpSpPr>
                      <p:cNvPr id="62" name="Group 61">
                        <a:extLst>
                          <a:ext uri="{FF2B5EF4-FFF2-40B4-BE49-F238E27FC236}">
                            <a16:creationId xmlns:a16="http://schemas.microsoft.com/office/drawing/2014/main" id="{BEB6D6B1-2358-4AD7-BFEF-83291CEA4C44}"/>
                          </a:ext>
                        </a:extLst>
                      </p:cNvPr>
                      <p:cNvGrpSpPr/>
                      <p:nvPr/>
                    </p:nvGrpSpPr>
                    <p:grpSpPr>
                      <a:xfrm>
                        <a:off x="5597448" y="4981223"/>
                        <a:ext cx="3905321" cy="653596"/>
                        <a:chOff x="5613013" y="4792709"/>
                        <a:chExt cx="3905321" cy="653596"/>
                      </a:xfrm>
                    </p:grpSpPr>
                    <p:sp>
                      <p:nvSpPr>
                        <p:cNvPr id="63" name="Rectangle: Rounded Corners 62">
                          <a:extLst>
                            <a:ext uri="{FF2B5EF4-FFF2-40B4-BE49-F238E27FC236}">
                              <a16:creationId xmlns:a16="http://schemas.microsoft.com/office/drawing/2014/main" id="{B5BF70E2-616A-4A3A-9D02-01E1CEA0DA88}"/>
                            </a:ext>
                          </a:extLst>
                        </p:cNvPr>
                        <p:cNvSpPr/>
                        <p:nvPr/>
                      </p:nvSpPr>
                      <p:spPr>
                        <a:xfrm>
                          <a:off x="5613013" y="4792709"/>
                          <a:ext cx="1422671" cy="653596"/>
                        </a:xfrm>
                        <a:prstGeom prst="roundRect">
                          <a:avLst/>
                        </a:prstGeom>
                        <a:solidFill>
                          <a:srgbClr val="70AD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65" name="Rectangle: Rounded Corners 64">
                          <a:extLst>
                            <a:ext uri="{FF2B5EF4-FFF2-40B4-BE49-F238E27FC236}">
                              <a16:creationId xmlns:a16="http://schemas.microsoft.com/office/drawing/2014/main" id="{27FD81D6-6E62-47A2-8993-02957A95EB98}"/>
                            </a:ext>
                          </a:extLst>
                        </p:cNvPr>
                        <p:cNvSpPr/>
                        <p:nvPr/>
                      </p:nvSpPr>
                      <p:spPr>
                        <a:xfrm>
                          <a:off x="8095663" y="4792709"/>
                          <a:ext cx="1422671" cy="653596"/>
                        </a:xfrm>
                        <a:prstGeom prst="roundRect">
                          <a:avLst/>
                        </a:prstGeom>
                        <a:solidFill>
                          <a:srgbClr val="70AD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grpSp>
                  <p:sp>
                    <p:nvSpPr>
                      <p:cNvPr id="56" name="TextBox 55">
                        <a:extLst>
                          <a:ext uri="{FF2B5EF4-FFF2-40B4-BE49-F238E27FC236}">
                            <a16:creationId xmlns:a16="http://schemas.microsoft.com/office/drawing/2014/main" id="{ED5819E9-A14F-47A3-BC8A-F292E8C3734F}"/>
                          </a:ext>
                        </a:extLst>
                      </p:cNvPr>
                      <p:cNvSpPr txBox="1"/>
                      <p:nvPr/>
                    </p:nvSpPr>
                    <p:spPr>
                      <a:xfrm>
                        <a:off x="5637719" y="5029555"/>
                        <a:ext cx="1377965" cy="584775"/>
                      </a:xfrm>
                      <a:prstGeom prst="rect">
                        <a:avLst/>
                      </a:prstGeom>
                      <a:solidFill>
                        <a:srgbClr val="70ADA3"/>
                      </a:solidFill>
                    </p:spPr>
                    <p:txBody>
                      <a:bodyPr wrap="square" rtlCol="0">
                        <a:spAutoFit/>
                      </a:bodyPr>
                      <a:lstStyle/>
                      <a:p>
                        <a:pPr algn="ctr"/>
                        <a:r>
                          <a:rPr lang="en-GB" sz="1600" dirty="0">
                            <a:solidFill>
                              <a:schemeClr val="bg2"/>
                            </a:solidFill>
                          </a:rPr>
                          <a:t>Scheme Audit</a:t>
                        </a:r>
                      </a:p>
                    </p:txBody>
                  </p:sp>
                  <p:sp>
                    <p:nvSpPr>
                      <p:cNvPr id="58" name="TextBox 57">
                        <a:extLst>
                          <a:ext uri="{FF2B5EF4-FFF2-40B4-BE49-F238E27FC236}">
                            <a16:creationId xmlns:a16="http://schemas.microsoft.com/office/drawing/2014/main" id="{4A77D6CE-B25F-4169-AA19-2FF8B33855C2}"/>
                          </a:ext>
                        </a:extLst>
                      </p:cNvPr>
                      <p:cNvSpPr txBox="1"/>
                      <p:nvPr/>
                    </p:nvSpPr>
                    <p:spPr>
                      <a:xfrm>
                        <a:off x="8156728" y="5010343"/>
                        <a:ext cx="1299837" cy="584775"/>
                      </a:xfrm>
                      <a:prstGeom prst="rect">
                        <a:avLst/>
                      </a:prstGeom>
                      <a:solidFill>
                        <a:srgbClr val="70ADA3"/>
                      </a:solidFill>
                    </p:spPr>
                    <p:txBody>
                      <a:bodyPr wrap="square" rtlCol="0">
                        <a:spAutoFit/>
                      </a:bodyPr>
                      <a:lstStyle/>
                      <a:p>
                        <a:pPr algn="ctr"/>
                        <a:r>
                          <a:rPr lang="en-GB" sz="1600" dirty="0">
                            <a:solidFill>
                              <a:schemeClr val="bg2"/>
                            </a:solidFill>
                          </a:rPr>
                          <a:t>Receive </a:t>
                        </a:r>
                      </a:p>
                      <a:p>
                        <a:pPr algn="ctr"/>
                        <a:r>
                          <a:rPr lang="en-GB" sz="1600" dirty="0">
                            <a:solidFill>
                              <a:schemeClr val="bg2"/>
                            </a:solidFill>
                          </a:rPr>
                          <a:t>Certificate</a:t>
                        </a:r>
                      </a:p>
                    </p:txBody>
                  </p:sp>
                </p:grpSp>
              </p:grpSp>
              <p:sp>
                <p:nvSpPr>
                  <p:cNvPr id="6" name="TextBox 5">
                    <a:extLst>
                      <a:ext uri="{FF2B5EF4-FFF2-40B4-BE49-F238E27FC236}">
                        <a16:creationId xmlns:a16="http://schemas.microsoft.com/office/drawing/2014/main" id="{CBF10AEF-88E1-6BD8-3D4A-48A33F19F87E}"/>
                      </a:ext>
                    </a:extLst>
                  </p:cNvPr>
                  <p:cNvSpPr txBox="1"/>
                  <p:nvPr/>
                </p:nvSpPr>
                <p:spPr>
                  <a:xfrm>
                    <a:off x="2914523" y="4940923"/>
                    <a:ext cx="1845869" cy="461665"/>
                  </a:xfrm>
                  <a:prstGeom prst="rect">
                    <a:avLst/>
                  </a:prstGeom>
                  <a:solidFill>
                    <a:srgbClr val="70ADA3"/>
                  </a:solidFill>
                </p:spPr>
                <p:txBody>
                  <a:bodyPr wrap="square" rtlCol="0">
                    <a:spAutoFit/>
                  </a:bodyPr>
                  <a:lstStyle/>
                  <a:p>
                    <a:pPr algn="ctr"/>
                    <a:r>
                      <a:rPr lang="en-GB" sz="1150" dirty="0">
                        <a:solidFill>
                          <a:schemeClr val="bg2"/>
                        </a:solidFill>
                      </a:rPr>
                      <a:t>Complete Application </a:t>
                    </a:r>
                  </a:p>
                  <a:p>
                    <a:pPr algn="ctr"/>
                    <a:r>
                      <a:rPr lang="en-GB" sz="1150" dirty="0">
                        <a:solidFill>
                          <a:schemeClr val="bg2"/>
                        </a:solidFill>
                      </a:rPr>
                      <a:t>Form on the REC Portal </a:t>
                    </a:r>
                  </a:p>
                </p:txBody>
              </p:sp>
            </p:grpSp>
          </p:grpSp>
          <p:cxnSp>
            <p:nvCxnSpPr>
              <p:cNvPr id="81" name="Straight Arrow Connector 80">
                <a:extLst>
                  <a:ext uri="{FF2B5EF4-FFF2-40B4-BE49-F238E27FC236}">
                    <a16:creationId xmlns:a16="http://schemas.microsoft.com/office/drawing/2014/main" id="{A392F4BC-B391-96E3-18F5-C06490823F95}"/>
                  </a:ext>
                </a:extLst>
              </p:cNvPr>
              <p:cNvCxnSpPr>
                <a:cxnSpLocks/>
              </p:cNvCxnSpPr>
              <p:nvPr/>
            </p:nvCxnSpPr>
            <p:spPr>
              <a:xfrm flipV="1">
                <a:off x="5980654" y="5116399"/>
                <a:ext cx="480217" cy="1816"/>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3" name="Straight Arrow Connector 82">
                <a:extLst>
                  <a:ext uri="{FF2B5EF4-FFF2-40B4-BE49-F238E27FC236}">
                    <a16:creationId xmlns:a16="http://schemas.microsoft.com/office/drawing/2014/main" id="{166E9C3B-4481-24A7-7943-AB88028DF2FF}"/>
                  </a:ext>
                </a:extLst>
              </p:cNvPr>
              <p:cNvCxnSpPr>
                <a:cxnSpLocks/>
              </p:cNvCxnSpPr>
              <p:nvPr/>
            </p:nvCxnSpPr>
            <p:spPr>
              <a:xfrm flipV="1">
                <a:off x="4497015" y="5118214"/>
                <a:ext cx="480217" cy="1816"/>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grpSp>
      <p:pic>
        <p:nvPicPr>
          <p:cNvPr id="2" name="Picture 4">
            <a:extLst>
              <a:ext uri="{FF2B5EF4-FFF2-40B4-BE49-F238E27FC236}">
                <a16:creationId xmlns:a16="http://schemas.microsoft.com/office/drawing/2014/main" id="{578BD381-8BC4-3F4F-F64F-123036FBBCC6}"/>
              </a:ext>
            </a:extLst>
          </p:cNvPr>
          <p:cNvPicPr>
            <a:picLocks noChangeAspect="1" noChangeArrowheads="1"/>
          </p:cNvPicPr>
          <p:nvPr/>
        </p:nvPicPr>
        <p:blipFill rotWithShape="1">
          <a:blip r:embed="rId10">
            <a:extLst>
              <a:ext uri="{28A0092B-C50C-407E-A947-70E740481C1C}">
                <a14:useLocalDpi xmlns:a14="http://schemas.microsoft.com/office/drawing/2010/main" val="0"/>
              </a:ext>
            </a:extLst>
          </a:blip>
          <a:srcRect t="5268" b="47532"/>
          <a:stretch/>
        </p:blipFill>
        <p:spPr bwMode="auto">
          <a:xfrm>
            <a:off x="4939745" y="4749986"/>
            <a:ext cx="933407" cy="91051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1952839"/>
      </p:ext>
    </p:extLst>
  </p:cSld>
  <p:clrMapOvr>
    <a:masterClrMapping/>
  </p:clrMapOvr>
  <mc:AlternateContent xmlns:mc="http://schemas.openxmlformats.org/markup-compatibility/2006" xmlns:p14="http://schemas.microsoft.com/office/powerpoint/2010/main">
    <mc:Choice Requires="p14">
      <p:transition spd="slow" p14:dur="2000" advClick="0" advTm="0"/>
    </mc:Choice>
    <mc:Fallback xmlns="">
      <p:transition spd="slow" advClick="0" advTm="0"/>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Rectangle 38">
            <a:extLst>
              <a:ext uri="{FF2B5EF4-FFF2-40B4-BE49-F238E27FC236}">
                <a16:creationId xmlns:a16="http://schemas.microsoft.com/office/drawing/2014/main" id="{FFC7149A-FB94-4D47-9263-81E2CD6E3141}"/>
              </a:ext>
            </a:extLst>
          </p:cNvPr>
          <p:cNvSpPr/>
          <p:nvPr/>
        </p:nvSpPr>
        <p:spPr>
          <a:xfrm>
            <a:off x="2444235" y="1887669"/>
            <a:ext cx="9387881" cy="954107"/>
          </a:xfrm>
          <a:prstGeom prst="rect">
            <a:avLst/>
          </a:prstGeom>
        </p:spPr>
        <p:txBody>
          <a:bodyPr wrap="square">
            <a:spAutoFit/>
          </a:bodyPr>
          <a:lstStyle/>
          <a:p>
            <a:r>
              <a:rPr lang="en-GB" sz="1400" dirty="0">
                <a:solidFill>
                  <a:srgbClr val="3C3C3B"/>
                </a:solidFill>
                <a:ea typeface="Arial" panose="020B0604020202020204" pitchFamily="34" charset="0"/>
                <a:cs typeface="Arial" panose="020B0604020202020204" pitchFamily="34" charset="0"/>
              </a:rPr>
              <a:t>The provisions of the SMI requirements under </a:t>
            </a:r>
            <a:r>
              <a:rPr lang="en-GB" sz="1400" dirty="0" err="1">
                <a:solidFill>
                  <a:srgbClr val="3C3C3B"/>
                </a:solidFill>
                <a:ea typeface="Arial" panose="020B0604020202020204" pitchFamily="34" charset="0"/>
                <a:cs typeface="Arial" panose="020B0604020202020204" pitchFamily="34" charset="0"/>
              </a:rPr>
              <a:t>CoMCoP</a:t>
            </a:r>
            <a:r>
              <a:rPr lang="en-GB" sz="1400" dirty="0">
                <a:solidFill>
                  <a:srgbClr val="3C3C3B"/>
                </a:solidFill>
                <a:ea typeface="Arial" panose="020B0604020202020204" pitchFamily="34" charset="0"/>
                <a:cs typeface="Arial" panose="020B0604020202020204" pitchFamily="34" charset="0"/>
              </a:rPr>
              <a:t> are applicable to Energy Suppliers who install smart meters for Domestic Customers and Micro Business Customers. There is no formal requirement to become ‘accredited’ – by acceding to the REC, you are agreeing to the provisions for SMIs under </a:t>
            </a:r>
            <a:r>
              <a:rPr lang="en-GB" sz="1400" dirty="0" err="1">
                <a:solidFill>
                  <a:srgbClr val="3C3C3B"/>
                </a:solidFill>
                <a:ea typeface="Arial" panose="020B0604020202020204" pitchFamily="34" charset="0"/>
                <a:cs typeface="Arial" panose="020B0604020202020204" pitchFamily="34" charset="0"/>
              </a:rPr>
              <a:t>CoMCoP</a:t>
            </a:r>
            <a:r>
              <a:rPr lang="en-GB" sz="1400" dirty="0">
                <a:solidFill>
                  <a:srgbClr val="3C3C3B"/>
                </a:solidFill>
                <a:ea typeface="Arial" panose="020B0604020202020204" pitchFamily="34" charset="0"/>
                <a:cs typeface="Arial" panose="020B0604020202020204" pitchFamily="34" charset="0"/>
              </a:rPr>
              <a:t>, and will need to declare your compliance. </a:t>
            </a:r>
          </a:p>
        </p:txBody>
      </p:sp>
      <p:pic>
        <p:nvPicPr>
          <p:cNvPr id="70" name="Picture 69">
            <a:extLst>
              <a:ext uri="{FF2B5EF4-FFF2-40B4-BE49-F238E27FC236}">
                <a16:creationId xmlns:a16="http://schemas.microsoft.com/office/drawing/2014/main" id="{FF5CDA6A-4C94-42AB-B4C3-42422E648771}"/>
              </a:ext>
            </a:extLst>
          </p:cNvPr>
          <p:cNvPicPr>
            <a:picLocks noChangeAspect="1"/>
          </p:cNvPicPr>
          <p:nvPr/>
        </p:nvPicPr>
        <p:blipFill rotWithShape="1">
          <a:blip r:embed="rId2"/>
          <a:srcRect r="5961" b="1387"/>
          <a:stretch/>
        </p:blipFill>
        <p:spPr>
          <a:xfrm>
            <a:off x="1" y="1"/>
            <a:ext cx="2355742" cy="6509288"/>
          </a:xfrm>
          <a:prstGeom prst="rect">
            <a:avLst/>
          </a:prstGeom>
        </p:spPr>
      </p:pic>
      <p:sp>
        <p:nvSpPr>
          <p:cNvPr id="45" name="Title 1">
            <a:extLst>
              <a:ext uri="{FF2B5EF4-FFF2-40B4-BE49-F238E27FC236}">
                <a16:creationId xmlns:a16="http://schemas.microsoft.com/office/drawing/2014/main" id="{C110F32C-D432-4FCF-8886-6D6394F62853}"/>
              </a:ext>
            </a:extLst>
          </p:cNvPr>
          <p:cNvSpPr txBox="1">
            <a:spLocks/>
          </p:cNvSpPr>
          <p:nvPr/>
        </p:nvSpPr>
        <p:spPr>
          <a:xfrm>
            <a:off x="2444235" y="1278774"/>
            <a:ext cx="7554686" cy="678445"/>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000" b="1" i="0" kern="1200" cap="all" spc="250" baseline="0">
                <a:solidFill>
                  <a:srgbClr val="68A495"/>
                </a:solidFill>
                <a:latin typeface="Roboto" panose="02000000000000000000" pitchFamily="2" charset="0"/>
                <a:ea typeface="+mj-ea"/>
                <a:cs typeface="+mj-cs"/>
              </a:defRPr>
            </a:lvl1pPr>
          </a:lstStyle>
          <a:p>
            <a:r>
              <a:rPr lang="en-GB" sz="2400" dirty="0"/>
              <a:t>Becoming Accredited (SMI)</a:t>
            </a:r>
            <a:br>
              <a:rPr lang="en-GB" sz="2400" dirty="0"/>
            </a:br>
            <a:endParaRPr lang="en-GB" sz="2400" dirty="0"/>
          </a:p>
        </p:txBody>
      </p:sp>
      <p:pic>
        <p:nvPicPr>
          <p:cNvPr id="48" name="Picture 47">
            <a:hlinkClick r:id="" action="ppaction://hlinkshowjump?jump=nextslide"/>
            <a:extLst>
              <a:ext uri="{FF2B5EF4-FFF2-40B4-BE49-F238E27FC236}">
                <a16:creationId xmlns:a16="http://schemas.microsoft.com/office/drawing/2014/main" id="{202560C4-EA14-4B2C-85E0-1A5A21CFB647}"/>
              </a:ext>
            </a:extLst>
          </p:cNvPr>
          <p:cNvPicPr>
            <a:picLocks noChangeAspect="1"/>
          </p:cNvPicPr>
          <p:nvPr/>
        </p:nvPicPr>
        <p:blipFill>
          <a:blip r:embed="rId3"/>
          <a:stretch>
            <a:fillRect/>
          </a:stretch>
        </p:blipFill>
        <p:spPr>
          <a:xfrm>
            <a:off x="11127525" y="305316"/>
            <a:ext cx="704850" cy="447675"/>
          </a:xfrm>
          <a:prstGeom prst="rect">
            <a:avLst/>
          </a:prstGeom>
        </p:spPr>
      </p:pic>
      <p:pic>
        <p:nvPicPr>
          <p:cNvPr id="49" name="Picture 48">
            <a:hlinkClick r:id="" action="ppaction://hlinkshowjump?jump=previousslide"/>
            <a:extLst>
              <a:ext uri="{FF2B5EF4-FFF2-40B4-BE49-F238E27FC236}">
                <a16:creationId xmlns:a16="http://schemas.microsoft.com/office/drawing/2014/main" id="{12A04C0B-4819-4064-BA99-DA028F723AF7}"/>
              </a:ext>
            </a:extLst>
          </p:cNvPr>
          <p:cNvPicPr>
            <a:picLocks noChangeAspect="1"/>
          </p:cNvPicPr>
          <p:nvPr/>
        </p:nvPicPr>
        <p:blipFill>
          <a:blip r:embed="rId4"/>
          <a:stretch>
            <a:fillRect/>
          </a:stretch>
        </p:blipFill>
        <p:spPr>
          <a:xfrm>
            <a:off x="5041765" y="305316"/>
            <a:ext cx="676275" cy="533400"/>
          </a:xfrm>
          <a:prstGeom prst="rect">
            <a:avLst/>
          </a:prstGeom>
        </p:spPr>
      </p:pic>
      <p:pic>
        <p:nvPicPr>
          <p:cNvPr id="54" name="Picture 53">
            <a:hlinkClick r:id="rId5" action="ppaction://hlinksldjump"/>
            <a:extLst>
              <a:ext uri="{FF2B5EF4-FFF2-40B4-BE49-F238E27FC236}">
                <a16:creationId xmlns:a16="http://schemas.microsoft.com/office/drawing/2014/main" id="{6E8F8922-8B90-416B-8A48-B137AEE72232}"/>
              </a:ext>
            </a:extLst>
          </p:cNvPr>
          <p:cNvPicPr>
            <a:picLocks noChangeAspect="1"/>
          </p:cNvPicPr>
          <p:nvPr/>
        </p:nvPicPr>
        <p:blipFill>
          <a:blip r:embed="rId6"/>
          <a:stretch>
            <a:fillRect/>
          </a:stretch>
        </p:blipFill>
        <p:spPr>
          <a:xfrm>
            <a:off x="3917185" y="322134"/>
            <a:ext cx="485775" cy="477679"/>
          </a:xfrm>
          <a:prstGeom prst="rect">
            <a:avLst/>
          </a:prstGeom>
        </p:spPr>
      </p:pic>
      <p:pic>
        <p:nvPicPr>
          <p:cNvPr id="11" name="Picture 10">
            <a:hlinkClick r:id="rId7"/>
            <a:extLst>
              <a:ext uri="{FF2B5EF4-FFF2-40B4-BE49-F238E27FC236}">
                <a16:creationId xmlns:a16="http://schemas.microsoft.com/office/drawing/2014/main" id="{FAACC7E3-E615-4F18-9974-E14812CB2BE4}"/>
              </a:ext>
            </a:extLst>
          </p:cNvPr>
          <p:cNvPicPr>
            <a:picLocks noChangeAspect="1"/>
          </p:cNvPicPr>
          <p:nvPr/>
        </p:nvPicPr>
        <p:blipFill>
          <a:blip r:embed="rId8"/>
          <a:stretch>
            <a:fillRect/>
          </a:stretch>
        </p:blipFill>
        <p:spPr>
          <a:xfrm>
            <a:off x="4453970" y="323563"/>
            <a:ext cx="485775" cy="476250"/>
          </a:xfrm>
          <a:prstGeom prst="rect">
            <a:avLst/>
          </a:prstGeom>
        </p:spPr>
      </p:pic>
      <p:grpSp>
        <p:nvGrpSpPr>
          <p:cNvPr id="6" name="Group 5">
            <a:extLst>
              <a:ext uri="{FF2B5EF4-FFF2-40B4-BE49-F238E27FC236}">
                <a16:creationId xmlns:a16="http://schemas.microsoft.com/office/drawing/2014/main" id="{1C041AD0-072E-5C17-51B2-4D48B3B34F82}"/>
              </a:ext>
            </a:extLst>
          </p:cNvPr>
          <p:cNvGrpSpPr/>
          <p:nvPr/>
        </p:nvGrpSpPr>
        <p:grpSpPr>
          <a:xfrm>
            <a:off x="2198447" y="3976456"/>
            <a:ext cx="1030413" cy="623251"/>
            <a:chOff x="2746089" y="4535520"/>
            <a:chExt cx="1030413" cy="623251"/>
          </a:xfrm>
        </p:grpSpPr>
        <p:sp>
          <p:nvSpPr>
            <p:cNvPr id="4" name="Rectangle: Rounded Corners 3">
              <a:extLst>
                <a:ext uri="{FF2B5EF4-FFF2-40B4-BE49-F238E27FC236}">
                  <a16:creationId xmlns:a16="http://schemas.microsoft.com/office/drawing/2014/main" id="{77B27A1B-7D2D-0595-EA50-94E8D2AE0C34}"/>
                </a:ext>
              </a:extLst>
            </p:cNvPr>
            <p:cNvSpPr/>
            <p:nvPr/>
          </p:nvSpPr>
          <p:spPr>
            <a:xfrm>
              <a:off x="2808435" y="4535520"/>
              <a:ext cx="905723" cy="602162"/>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5" name="TextBox 4">
              <a:extLst>
                <a:ext uri="{FF2B5EF4-FFF2-40B4-BE49-F238E27FC236}">
                  <a16:creationId xmlns:a16="http://schemas.microsoft.com/office/drawing/2014/main" id="{03D82647-1EF6-D2F5-2371-ECE3E500808D}"/>
                </a:ext>
              </a:extLst>
            </p:cNvPr>
            <p:cNvSpPr txBox="1"/>
            <p:nvPr/>
          </p:nvSpPr>
          <p:spPr>
            <a:xfrm>
              <a:off x="2746089" y="4535520"/>
              <a:ext cx="1030413" cy="623251"/>
            </a:xfrm>
            <a:prstGeom prst="rect">
              <a:avLst/>
            </a:prstGeom>
            <a:noFill/>
          </p:spPr>
          <p:txBody>
            <a:bodyPr wrap="square" rtlCol="0">
              <a:spAutoFit/>
            </a:bodyPr>
            <a:lstStyle/>
            <a:p>
              <a:pPr algn="ctr"/>
              <a:r>
                <a:rPr lang="en-GB" sz="1150" dirty="0">
                  <a:solidFill>
                    <a:schemeClr val="bg2"/>
                  </a:solidFill>
                </a:rPr>
                <a:t>Gain REC Portal access</a:t>
              </a:r>
            </a:p>
          </p:txBody>
        </p:sp>
      </p:grpSp>
      <p:grpSp>
        <p:nvGrpSpPr>
          <p:cNvPr id="7" name="Group 6">
            <a:extLst>
              <a:ext uri="{FF2B5EF4-FFF2-40B4-BE49-F238E27FC236}">
                <a16:creationId xmlns:a16="http://schemas.microsoft.com/office/drawing/2014/main" id="{14E4321E-8F2D-4CB1-F00F-56855FCCDF55}"/>
              </a:ext>
            </a:extLst>
          </p:cNvPr>
          <p:cNvGrpSpPr/>
          <p:nvPr/>
        </p:nvGrpSpPr>
        <p:grpSpPr>
          <a:xfrm>
            <a:off x="3166516" y="3976454"/>
            <a:ext cx="1679613" cy="800219"/>
            <a:chOff x="2701283" y="4535520"/>
            <a:chExt cx="1140452" cy="737498"/>
          </a:xfrm>
        </p:grpSpPr>
        <p:sp>
          <p:nvSpPr>
            <p:cNvPr id="8" name="Rectangle: Rounded Corners 7">
              <a:extLst>
                <a:ext uri="{FF2B5EF4-FFF2-40B4-BE49-F238E27FC236}">
                  <a16:creationId xmlns:a16="http://schemas.microsoft.com/office/drawing/2014/main" id="{BF5491E7-B8F2-A2C2-562F-CA2D5AFAB862}"/>
                </a:ext>
              </a:extLst>
            </p:cNvPr>
            <p:cNvSpPr/>
            <p:nvPr/>
          </p:nvSpPr>
          <p:spPr>
            <a:xfrm>
              <a:off x="2808435" y="4535520"/>
              <a:ext cx="905723" cy="602162"/>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9" name="TextBox 8">
              <a:extLst>
                <a:ext uri="{FF2B5EF4-FFF2-40B4-BE49-F238E27FC236}">
                  <a16:creationId xmlns:a16="http://schemas.microsoft.com/office/drawing/2014/main" id="{B4B4434B-EFCF-B024-E36F-158464DED4FB}"/>
                </a:ext>
              </a:extLst>
            </p:cNvPr>
            <p:cNvSpPr txBox="1"/>
            <p:nvPr/>
          </p:nvSpPr>
          <p:spPr>
            <a:xfrm>
              <a:off x="2701283" y="4535520"/>
              <a:ext cx="1140452" cy="737498"/>
            </a:xfrm>
            <a:prstGeom prst="rect">
              <a:avLst/>
            </a:prstGeom>
            <a:noFill/>
          </p:spPr>
          <p:txBody>
            <a:bodyPr wrap="square" rtlCol="0">
              <a:spAutoFit/>
            </a:bodyPr>
            <a:lstStyle/>
            <a:p>
              <a:pPr algn="ctr"/>
              <a:r>
                <a:rPr lang="en-GB" sz="1150" dirty="0">
                  <a:solidFill>
                    <a:schemeClr val="bg2"/>
                  </a:solidFill>
                </a:rPr>
                <a:t>Complete Entry Assessment Application Form</a:t>
              </a:r>
            </a:p>
          </p:txBody>
        </p:sp>
      </p:grpSp>
      <p:grpSp>
        <p:nvGrpSpPr>
          <p:cNvPr id="10" name="Group 9">
            <a:extLst>
              <a:ext uri="{FF2B5EF4-FFF2-40B4-BE49-F238E27FC236}">
                <a16:creationId xmlns:a16="http://schemas.microsoft.com/office/drawing/2014/main" id="{E858443E-B896-1BDB-4A1E-96F2D2737811}"/>
              </a:ext>
            </a:extLst>
          </p:cNvPr>
          <p:cNvGrpSpPr/>
          <p:nvPr/>
        </p:nvGrpSpPr>
        <p:grpSpPr>
          <a:xfrm>
            <a:off x="4671615" y="3976454"/>
            <a:ext cx="1305205" cy="653373"/>
            <a:chOff x="2701283" y="4535520"/>
            <a:chExt cx="1140452" cy="602162"/>
          </a:xfrm>
        </p:grpSpPr>
        <p:sp>
          <p:nvSpPr>
            <p:cNvPr id="12" name="Rectangle: Rounded Corners 11">
              <a:extLst>
                <a:ext uri="{FF2B5EF4-FFF2-40B4-BE49-F238E27FC236}">
                  <a16:creationId xmlns:a16="http://schemas.microsoft.com/office/drawing/2014/main" id="{E9948C24-BDAB-934C-D36E-C85E340033B0}"/>
                </a:ext>
              </a:extLst>
            </p:cNvPr>
            <p:cNvSpPr/>
            <p:nvPr/>
          </p:nvSpPr>
          <p:spPr>
            <a:xfrm>
              <a:off x="2808435" y="4535520"/>
              <a:ext cx="905723" cy="602162"/>
            </a:xfrm>
            <a:prstGeom prst="roundRect">
              <a:avLst/>
            </a:prstGeom>
            <a:solidFill>
              <a:srgbClr val="4D893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highlight>
                  <a:srgbClr val="FFFF00"/>
                </a:highlight>
              </a:endParaRPr>
            </a:p>
          </p:txBody>
        </p:sp>
        <p:sp>
          <p:nvSpPr>
            <p:cNvPr id="13" name="TextBox 12">
              <a:extLst>
                <a:ext uri="{FF2B5EF4-FFF2-40B4-BE49-F238E27FC236}">
                  <a16:creationId xmlns:a16="http://schemas.microsoft.com/office/drawing/2014/main" id="{23BFD329-B25C-075A-5C8D-41CB4F2625ED}"/>
                </a:ext>
              </a:extLst>
            </p:cNvPr>
            <p:cNvSpPr txBox="1"/>
            <p:nvPr/>
          </p:nvSpPr>
          <p:spPr>
            <a:xfrm>
              <a:off x="2701283" y="4622400"/>
              <a:ext cx="1140452" cy="411297"/>
            </a:xfrm>
            <a:prstGeom prst="rect">
              <a:avLst/>
            </a:prstGeom>
            <a:noFill/>
          </p:spPr>
          <p:txBody>
            <a:bodyPr wrap="square" rtlCol="0">
              <a:spAutoFit/>
            </a:bodyPr>
            <a:lstStyle/>
            <a:p>
              <a:pPr algn="ctr"/>
              <a:r>
                <a:rPr lang="en-GB" sz="1150" dirty="0">
                  <a:solidFill>
                    <a:schemeClr val="bg2"/>
                  </a:solidFill>
                </a:rPr>
                <a:t>Complete REC Accession</a:t>
              </a:r>
            </a:p>
          </p:txBody>
        </p:sp>
      </p:grpSp>
      <p:grpSp>
        <p:nvGrpSpPr>
          <p:cNvPr id="16" name="Group 15">
            <a:extLst>
              <a:ext uri="{FF2B5EF4-FFF2-40B4-BE49-F238E27FC236}">
                <a16:creationId xmlns:a16="http://schemas.microsoft.com/office/drawing/2014/main" id="{379EF345-3EB9-35EE-E4E9-883C676CFAAB}"/>
              </a:ext>
            </a:extLst>
          </p:cNvPr>
          <p:cNvGrpSpPr/>
          <p:nvPr/>
        </p:nvGrpSpPr>
        <p:grpSpPr>
          <a:xfrm>
            <a:off x="7623902" y="2982576"/>
            <a:ext cx="1907842" cy="3116742"/>
            <a:chOff x="7186506" y="2990641"/>
            <a:chExt cx="1907842" cy="3116742"/>
          </a:xfrm>
        </p:grpSpPr>
        <p:sp>
          <p:nvSpPr>
            <p:cNvPr id="17" name="Freeform: Shape 16">
              <a:extLst>
                <a:ext uri="{FF2B5EF4-FFF2-40B4-BE49-F238E27FC236}">
                  <a16:creationId xmlns:a16="http://schemas.microsoft.com/office/drawing/2014/main" id="{64C27635-C4B2-0C48-05FA-611B99004BE8}"/>
                </a:ext>
              </a:extLst>
            </p:cNvPr>
            <p:cNvSpPr/>
            <p:nvPr/>
          </p:nvSpPr>
          <p:spPr>
            <a:xfrm>
              <a:off x="7186506" y="2990641"/>
              <a:ext cx="1903332" cy="401904"/>
            </a:xfrm>
            <a:custGeom>
              <a:avLst/>
              <a:gdLst>
                <a:gd name="connsiteX0" fmla="*/ 0 w 1871130"/>
                <a:gd name="connsiteY0" fmla="*/ 0 h 490730"/>
                <a:gd name="connsiteX1" fmla="*/ 1871130 w 1871130"/>
                <a:gd name="connsiteY1" fmla="*/ 0 h 490730"/>
                <a:gd name="connsiteX2" fmla="*/ 1871130 w 1871130"/>
                <a:gd name="connsiteY2" fmla="*/ 490730 h 490730"/>
                <a:gd name="connsiteX3" fmla="*/ 0 w 1871130"/>
                <a:gd name="connsiteY3" fmla="*/ 490730 h 490730"/>
                <a:gd name="connsiteX4" fmla="*/ 0 w 1871130"/>
                <a:gd name="connsiteY4" fmla="*/ 0 h 49073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71130" h="490730">
                  <a:moveTo>
                    <a:pt x="0" y="0"/>
                  </a:moveTo>
                  <a:lnTo>
                    <a:pt x="1871130" y="0"/>
                  </a:lnTo>
                  <a:lnTo>
                    <a:pt x="1871130" y="490730"/>
                  </a:lnTo>
                  <a:lnTo>
                    <a:pt x="0" y="490730"/>
                  </a:lnTo>
                  <a:lnTo>
                    <a:pt x="0" y="0"/>
                  </a:lnTo>
                  <a:close/>
                </a:path>
              </a:pathLst>
            </a:custGeom>
            <a:solidFill>
              <a:srgbClr val="70ADA3"/>
            </a:solidFill>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GB" sz="1400" kern="1200" dirty="0"/>
                <a:t>BSA</a:t>
              </a:r>
            </a:p>
          </p:txBody>
        </p:sp>
        <p:sp>
          <p:nvSpPr>
            <p:cNvPr id="18" name="Freeform: Shape 17">
              <a:extLst>
                <a:ext uri="{FF2B5EF4-FFF2-40B4-BE49-F238E27FC236}">
                  <a16:creationId xmlns:a16="http://schemas.microsoft.com/office/drawing/2014/main" id="{D9CAD6EF-A889-997C-CF58-264D0FA4CD49}"/>
                </a:ext>
              </a:extLst>
            </p:cNvPr>
            <p:cNvSpPr/>
            <p:nvPr/>
          </p:nvSpPr>
          <p:spPr>
            <a:xfrm>
              <a:off x="7191016" y="3465453"/>
              <a:ext cx="1903332" cy="2641930"/>
            </a:xfrm>
            <a:custGeom>
              <a:avLst/>
              <a:gdLst>
                <a:gd name="connsiteX0" fmla="*/ 0 w 1903332"/>
                <a:gd name="connsiteY0" fmla="*/ 0 h 2810880"/>
                <a:gd name="connsiteX1" fmla="*/ 1903332 w 1903332"/>
                <a:gd name="connsiteY1" fmla="*/ 0 h 2810880"/>
                <a:gd name="connsiteX2" fmla="*/ 1903332 w 1903332"/>
                <a:gd name="connsiteY2" fmla="*/ 2810880 h 2810880"/>
                <a:gd name="connsiteX3" fmla="*/ 0 w 1903332"/>
                <a:gd name="connsiteY3" fmla="*/ 2810880 h 2810880"/>
                <a:gd name="connsiteX4" fmla="*/ 0 w 1903332"/>
                <a:gd name="connsiteY4" fmla="*/ 0 h 281088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03332" h="2810880">
                  <a:moveTo>
                    <a:pt x="0" y="0"/>
                  </a:moveTo>
                  <a:lnTo>
                    <a:pt x="1903332" y="0"/>
                  </a:lnTo>
                  <a:lnTo>
                    <a:pt x="1903332" y="2810880"/>
                  </a:lnTo>
                  <a:lnTo>
                    <a:pt x="0" y="2810880"/>
                  </a:lnTo>
                  <a:lnTo>
                    <a:pt x="0" y="0"/>
                  </a:lnTo>
                  <a:close/>
                </a:path>
              </a:pathLst>
            </a:custGeom>
            <a:noFill/>
            <a:ln>
              <a:solidFill>
                <a:schemeClr val="tx1">
                  <a:alpha val="90000"/>
                </a:schemeClr>
              </a:solid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90000"/>
                </a:lnSpc>
                <a:spcBef>
                  <a:spcPct val="0"/>
                </a:spcBef>
                <a:spcAft>
                  <a:spcPct val="15000"/>
                </a:spcAft>
                <a:buNone/>
              </a:pPr>
              <a:r>
                <a:rPr lang="en-GB" sz="1000" kern="1200" dirty="0">
                  <a:latin typeface="Arial" panose="020B0604020202020204" pitchFamily="34" charset="0"/>
                  <a:cs typeface="Arial" panose="020B0604020202020204" pitchFamily="34" charset="0"/>
                </a:rPr>
                <a:t>As part of the market entry process, you will be required to provide specific evidence around your ability to meet Smart Meter Installation requirements under </a:t>
              </a:r>
              <a:r>
                <a:rPr lang="en-GB" sz="1000" kern="1200" dirty="0" err="1">
                  <a:latin typeface="Arial" panose="020B0604020202020204" pitchFamily="34" charset="0"/>
                  <a:cs typeface="Arial" panose="020B0604020202020204" pitchFamily="34" charset="0"/>
                </a:rPr>
                <a:t>CoMCoP</a:t>
              </a:r>
              <a:r>
                <a:rPr lang="en-GB" sz="1000" kern="1200" dirty="0">
                  <a:latin typeface="Arial" panose="020B0604020202020204" pitchFamily="34" charset="0"/>
                  <a:cs typeface="Arial" panose="020B0604020202020204" pitchFamily="34" charset="0"/>
                </a:rPr>
                <a:t>, including</a:t>
              </a:r>
            </a:p>
            <a:p>
              <a:pPr marL="57150" lvl="1" indent="-57150" algn="l" defTabSz="444500">
                <a:lnSpc>
                  <a:spcPct val="90000"/>
                </a:lnSpc>
                <a:spcBef>
                  <a:spcPct val="0"/>
                </a:spcBef>
                <a:spcAft>
                  <a:spcPct val="15000"/>
                </a:spcAft>
                <a:buNone/>
              </a:pPr>
              <a:endParaRPr lang="en-GB" sz="1000" kern="1200" dirty="0">
                <a:latin typeface="Arial" panose="020B0604020202020204" pitchFamily="34" charset="0"/>
                <a:cs typeface="Arial" panose="020B0604020202020204" pitchFamily="34" charset="0"/>
              </a:endParaRPr>
            </a:p>
            <a:p>
              <a:pPr marL="57150" lvl="1" indent="-57150" algn="l" defTabSz="444500">
                <a:lnSpc>
                  <a:spcPct val="90000"/>
                </a:lnSpc>
                <a:spcBef>
                  <a:spcPct val="0"/>
                </a:spcBef>
                <a:spcAft>
                  <a:spcPct val="15000"/>
                </a:spcAft>
                <a:buChar char="•"/>
              </a:pPr>
              <a:r>
                <a:rPr lang="en-GB" sz="1000" kern="1200" dirty="0">
                  <a:latin typeface="Arial" panose="020B0604020202020204" pitchFamily="34" charset="0"/>
                  <a:cs typeface="Arial" panose="020B0604020202020204" pitchFamily="34" charset="0"/>
                </a:rPr>
                <a:t>Details of business processes around the installation of smart meters</a:t>
              </a:r>
            </a:p>
            <a:p>
              <a:pPr marL="57150" lvl="1" indent="-57150" algn="l" defTabSz="444500">
                <a:lnSpc>
                  <a:spcPct val="90000"/>
                </a:lnSpc>
                <a:spcBef>
                  <a:spcPct val="0"/>
                </a:spcBef>
                <a:spcAft>
                  <a:spcPct val="15000"/>
                </a:spcAft>
                <a:buChar char="•"/>
              </a:pPr>
              <a:endParaRPr lang="en-GB" sz="1000" kern="1200" dirty="0">
                <a:latin typeface="Arial" panose="020B0604020202020204" pitchFamily="34" charset="0"/>
                <a:cs typeface="Arial" panose="020B0604020202020204" pitchFamily="34" charset="0"/>
              </a:endParaRPr>
            </a:p>
            <a:p>
              <a:pPr marL="57150" lvl="1" indent="-57150" algn="l" defTabSz="444500">
                <a:lnSpc>
                  <a:spcPct val="90000"/>
                </a:lnSpc>
                <a:spcBef>
                  <a:spcPct val="0"/>
                </a:spcBef>
                <a:spcAft>
                  <a:spcPct val="15000"/>
                </a:spcAft>
                <a:buChar char="•"/>
              </a:pPr>
              <a:r>
                <a:rPr lang="en-GB" sz="1000" kern="1200" dirty="0">
                  <a:latin typeface="Arial" panose="020B0604020202020204" pitchFamily="34" charset="0"/>
                  <a:cs typeface="Arial" panose="020B0604020202020204" pitchFamily="34" charset="0"/>
                </a:rPr>
                <a:t>Details of how you will maintain compliance with all relevant clauses of Smart Meter Installation under </a:t>
              </a:r>
              <a:r>
                <a:rPr lang="en-GB" sz="1000" kern="1200" dirty="0" err="1">
                  <a:latin typeface="Arial" panose="020B0604020202020204" pitchFamily="34" charset="0"/>
                  <a:cs typeface="Arial" panose="020B0604020202020204" pitchFamily="34" charset="0"/>
                </a:rPr>
                <a:t>CoMCoP</a:t>
              </a:r>
              <a:endParaRPr lang="en-GB" sz="1000" kern="1200" dirty="0">
                <a:latin typeface="Arial" panose="020B0604020202020204" pitchFamily="34" charset="0"/>
                <a:cs typeface="Arial" panose="020B0604020202020204" pitchFamily="34" charset="0"/>
              </a:endParaRPr>
            </a:p>
          </p:txBody>
        </p:sp>
      </p:grpSp>
      <p:grpSp>
        <p:nvGrpSpPr>
          <p:cNvPr id="19" name="Group 18">
            <a:extLst>
              <a:ext uri="{FF2B5EF4-FFF2-40B4-BE49-F238E27FC236}">
                <a16:creationId xmlns:a16="http://schemas.microsoft.com/office/drawing/2014/main" id="{B5ABEB5D-06BC-1FC5-FBF5-FCD0485316F2}"/>
              </a:ext>
            </a:extLst>
          </p:cNvPr>
          <p:cNvGrpSpPr/>
          <p:nvPr/>
        </p:nvGrpSpPr>
        <p:grpSpPr>
          <a:xfrm>
            <a:off x="9778116" y="2982576"/>
            <a:ext cx="1908804" cy="3116741"/>
            <a:chOff x="7185544" y="2990642"/>
            <a:chExt cx="1908804" cy="3116741"/>
          </a:xfrm>
        </p:grpSpPr>
        <p:sp>
          <p:nvSpPr>
            <p:cNvPr id="20" name="Freeform: Shape 19">
              <a:extLst>
                <a:ext uri="{FF2B5EF4-FFF2-40B4-BE49-F238E27FC236}">
                  <a16:creationId xmlns:a16="http://schemas.microsoft.com/office/drawing/2014/main" id="{377FB77E-6F48-B5E7-DB41-9489A7B48E4C}"/>
                </a:ext>
              </a:extLst>
            </p:cNvPr>
            <p:cNvSpPr/>
            <p:nvPr/>
          </p:nvSpPr>
          <p:spPr>
            <a:xfrm>
              <a:off x="7185544" y="2990642"/>
              <a:ext cx="1903332" cy="401904"/>
            </a:xfrm>
            <a:custGeom>
              <a:avLst/>
              <a:gdLst>
                <a:gd name="connsiteX0" fmla="*/ 0 w 1871130"/>
                <a:gd name="connsiteY0" fmla="*/ 0 h 490730"/>
                <a:gd name="connsiteX1" fmla="*/ 1871130 w 1871130"/>
                <a:gd name="connsiteY1" fmla="*/ 0 h 490730"/>
                <a:gd name="connsiteX2" fmla="*/ 1871130 w 1871130"/>
                <a:gd name="connsiteY2" fmla="*/ 490730 h 490730"/>
                <a:gd name="connsiteX3" fmla="*/ 0 w 1871130"/>
                <a:gd name="connsiteY3" fmla="*/ 490730 h 490730"/>
                <a:gd name="connsiteX4" fmla="*/ 0 w 1871130"/>
                <a:gd name="connsiteY4" fmla="*/ 0 h 49073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71130" h="490730">
                  <a:moveTo>
                    <a:pt x="0" y="0"/>
                  </a:moveTo>
                  <a:lnTo>
                    <a:pt x="1871130" y="0"/>
                  </a:lnTo>
                  <a:lnTo>
                    <a:pt x="1871130" y="490730"/>
                  </a:lnTo>
                  <a:lnTo>
                    <a:pt x="0" y="490730"/>
                  </a:lnTo>
                  <a:lnTo>
                    <a:pt x="0" y="0"/>
                  </a:lnTo>
                  <a:close/>
                </a:path>
              </a:pathLst>
            </a:custGeom>
            <a:solidFill>
              <a:srgbClr val="70ADA3"/>
            </a:solidFill>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GB" sz="1400" kern="1200" dirty="0"/>
                <a:t>Annual Statement</a:t>
              </a:r>
            </a:p>
          </p:txBody>
        </p:sp>
        <p:sp>
          <p:nvSpPr>
            <p:cNvPr id="21" name="Freeform: Shape 20">
              <a:extLst>
                <a:ext uri="{FF2B5EF4-FFF2-40B4-BE49-F238E27FC236}">
                  <a16:creationId xmlns:a16="http://schemas.microsoft.com/office/drawing/2014/main" id="{8A11527C-A489-19A2-98BF-F20CBB87A1B3}"/>
                </a:ext>
              </a:extLst>
            </p:cNvPr>
            <p:cNvSpPr/>
            <p:nvPr/>
          </p:nvSpPr>
          <p:spPr>
            <a:xfrm>
              <a:off x="7191016" y="3465453"/>
              <a:ext cx="1903332" cy="2641930"/>
            </a:xfrm>
            <a:custGeom>
              <a:avLst/>
              <a:gdLst>
                <a:gd name="connsiteX0" fmla="*/ 0 w 1903332"/>
                <a:gd name="connsiteY0" fmla="*/ 0 h 2810880"/>
                <a:gd name="connsiteX1" fmla="*/ 1903332 w 1903332"/>
                <a:gd name="connsiteY1" fmla="*/ 0 h 2810880"/>
                <a:gd name="connsiteX2" fmla="*/ 1903332 w 1903332"/>
                <a:gd name="connsiteY2" fmla="*/ 2810880 h 2810880"/>
                <a:gd name="connsiteX3" fmla="*/ 0 w 1903332"/>
                <a:gd name="connsiteY3" fmla="*/ 2810880 h 2810880"/>
                <a:gd name="connsiteX4" fmla="*/ 0 w 1903332"/>
                <a:gd name="connsiteY4" fmla="*/ 0 h 281088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03332" h="2810880">
                  <a:moveTo>
                    <a:pt x="0" y="0"/>
                  </a:moveTo>
                  <a:lnTo>
                    <a:pt x="1903332" y="0"/>
                  </a:lnTo>
                  <a:lnTo>
                    <a:pt x="1903332" y="2810880"/>
                  </a:lnTo>
                  <a:lnTo>
                    <a:pt x="0" y="2810880"/>
                  </a:lnTo>
                  <a:lnTo>
                    <a:pt x="0" y="0"/>
                  </a:lnTo>
                  <a:close/>
                </a:path>
              </a:pathLst>
            </a:custGeom>
            <a:noFill/>
            <a:ln>
              <a:solidFill>
                <a:schemeClr val="tx1">
                  <a:alpha val="90000"/>
                </a:schemeClr>
              </a:solidFill>
            </a:ln>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53340" tIns="53340" rIns="71120" bIns="80010" numCol="1" spcCol="1270" anchor="t" anchorCtr="0">
              <a:noAutofit/>
            </a:bodyPr>
            <a:lstStyle/>
            <a:p>
              <a:pPr marL="57150" lvl="1" indent="-57150" algn="l" defTabSz="444500">
                <a:lnSpc>
                  <a:spcPct val="90000"/>
                </a:lnSpc>
                <a:spcBef>
                  <a:spcPct val="0"/>
                </a:spcBef>
                <a:spcAft>
                  <a:spcPct val="15000"/>
                </a:spcAft>
                <a:buNone/>
              </a:pPr>
              <a:r>
                <a:rPr lang="en-GB" sz="1000" kern="1200" dirty="0">
                  <a:latin typeface="Arial" panose="020B0604020202020204" pitchFamily="34" charset="0"/>
                  <a:cs typeface="Arial" panose="020B0604020202020204" pitchFamily="34" charset="0"/>
                </a:rPr>
                <a:t>As part your annual statement, you will be required to make a self declaration confirming that your organisation</a:t>
              </a:r>
            </a:p>
            <a:p>
              <a:pPr marL="57150" lvl="1" indent="-57150" algn="l" defTabSz="444500">
                <a:lnSpc>
                  <a:spcPct val="90000"/>
                </a:lnSpc>
                <a:spcBef>
                  <a:spcPct val="0"/>
                </a:spcBef>
                <a:spcAft>
                  <a:spcPct val="15000"/>
                </a:spcAft>
                <a:buNone/>
              </a:pPr>
              <a:endParaRPr lang="en-GB" sz="1000" kern="1200" dirty="0">
                <a:latin typeface="Arial" panose="020B0604020202020204" pitchFamily="34" charset="0"/>
                <a:cs typeface="Arial" panose="020B0604020202020204" pitchFamily="34" charset="0"/>
              </a:endParaRPr>
            </a:p>
            <a:p>
              <a:pPr marL="57150" lvl="1" indent="-57150" algn="l" defTabSz="444500">
                <a:lnSpc>
                  <a:spcPct val="90000"/>
                </a:lnSpc>
                <a:spcBef>
                  <a:spcPct val="0"/>
                </a:spcBef>
                <a:spcAft>
                  <a:spcPct val="15000"/>
                </a:spcAft>
                <a:buChar char="•"/>
              </a:pPr>
              <a:r>
                <a:rPr lang="en-GB" sz="1000" kern="1200" dirty="0">
                  <a:latin typeface="Arial" panose="020B0604020202020204" pitchFamily="34" charset="0"/>
                  <a:cs typeface="Arial" panose="020B0604020202020204" pitchFamily="34" charset="0"/>
                </a:rPr>
                <a:t>Is compliant with the relevant </a:t>
              </a:r>
              <a:r>
                <a:rPr lang="en-GB" sz="1000" dirty="0">
                  <a:latin typeface="Arial" panose="020B0604020202020204" pitchFamily="34" charset="0"/>
                  <a:cs typeface="Arial" panose="020B0604020202020204" pitchFamily="34" charset="0"/>
                </a:rPr>
                <a:t>clauses for Smart Meter Installation</a:t>
              </a:r>
              <a:endParaRPr lang="en-GB" sz="1000" kern="1200" dirty="0">
                <a:latin typeface="Arial" panose="020B0604020202020204" pitchFamily="34" charset="0"/>
                <a:cs typeface="Arial" panose="020B0604020202020204" pitchFamily="34" charset="0"/>
              </a:endParaRPr>
            </a:p>
            <a:p>
              <a:pPr marL="57150" lvl="1" indent="-57150" algn="l" defTabSz="444500">
                <a:lnSpc>
                  <a:spcPct val="90000"/>
                </a:lnSpc>
                <a:spcBef>
                  <a:spcPct val="0"/>
                </a:spcBef>
                <a:spcAft>
                  <a:spcPct val="15000"/>
                </a:spcAft>
                <a:buChar char="•"/>
              </a:pPr>
              <a:endParaRPr lang="en-GB" sz="1000" kern="1200" dirty="0">
                <a:latin typeface="Arial" panose="020B0604020202020204" pitchFamily="34" charset="0"/>
                <a:cs typeface="Arial" panose="020B0604020202020204" pitchFamily="34" charset="0"/>
              </a:endParaRPr>
            </a:p>
            <a:p>
              <a:pPr marL="57150" lvl="1" indent="-57150" algn="l" defTabSz="444500">
                <a:lnSpc>
                  <a:spcPct val="90000"/>
                </a:lnSpc>
                <a:spcBef>
                  <a:spcPct val="0"/>
                </a:spcBef>
                <a:spcAft>
                  <a:spcPct val="15000"/>
                </a:spcAft>
                <a:buChar char="•"/>
              </a:pPr>
              <a:r>
                <a:rPr lang="en-GB" sz="1000" kern="1200" dirty="0">
                  <a:latin typeface="Arial" panose="020B0604020202020204" pitchFamily="34" charset="0"/>
                  <a:cs typeface="Arial" panose="020B0604020202020204" pitchFamily="34" charset="0"/>
                </a:rPr>
                <a:t>The type of supplier you are (e.g. Large Supplier, Small Supplier or Micro Business Supplier)</a:t>
              </a:r>
            </a:p>
          </p:txBody>
        </p:sp>
      </p:grpSp>
      <p:cxnSp>
        <p:nvCxnSpPr>
          <p:cNvPr id="24" name="Straight Arrow Connector 23">
            <a:extLst>
              <a:ext uri="{FF2B5EF4-FFF2-40B4-BE49-F238E27FC236}">
                <a16:creationId xmlns:a16="http://schemas.microsoft.com/office/drawing/2014/main" id="{81C54B48-AEE0-5AAD-D50C-107E82E2890C}"/>
              </a:ext>
            </a:extLst>
          </p:cNvPr>
          <p:cNvCxnSpPr>
            <a:cxnSpLocks/>
          </p:cNvCxnSpPr>
          <p:nvPr/>
        </p:nvCxnSpPr>
        <p:spPr>
          <a:xfrm>
            <a:off x="3178640" y="4160683"/>
            <a:ext cx="145685"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EA491EC1-789E-9C74-2C72-3BF253D41740}"/>
              </a:ext>
            </a:extLst>
          </p:cNvPr>
          <p:cNvCxnSpPr>
            <a:cxnSpLocks/>
          </p:cNvCxnSpPr>
          <p:nvPr/>
        </p:nvCxnSpPr>
        <p:spPr>
          <a:xfrm>
            <a:off x="4658238" y="4160683"/>
            <a:ext cx="145685"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8" name="Straight Arrow Connector 27">
            <a:extLst>
              <a:ext uri="{FF2B5EF4-FFF2-40B4-BE49-F238E27FC236}">
                <a16:creationId xmlns:a16="http://schemas.microsoft.com/office/drawing/2014/main" id="{2F82841A-DF00-51F8-77DE-445956AD59D5}"/>
              </a:ext>
            </a:extLst>
          </p:cNvPr>
          <p:cNvCxnSpPr>
            <a:cxnSpLocks/>
          </p:cNvCxnSpPr>
          <p:nvPr/>
        </p:nvCxnSpPr>
        <p:spPr>
          <a:xfrm>
            <a:off x="5834915" y="4150595"/>
            <a:ext cx="145685"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nvGrpSpPr>
          <p:cNvPr id="52" name="Group 51">
            <a:extLst>
              <a:ext uri="{FF2B5EF4-FFF2-40B4-BE49-F238E27FC236}">
                <a16:creationId xmlns:a16="http://schemas.microsoft.com/office/drawing/2014/main" id="{7234C3ED-CBFC-3667-506C-1154967B60A9}"/>
              </a:ext>
            </a:extLst>
          </p:cNvPr>
          <p:cNvGrpSpPr/>
          <p:nvPr/>
        </p:nvGrpSpPr>
        <p:grpSpPr>
          <a:xfrm>
            <a:off x="6753973" y="2833078"/>
            <a:ext cx="5251819" cy="3676211"/>
            <a:chOff x="6753973" y="2833078"/>
            <a:chExt cx="5251819" cy="3676211"/>
          </a:xfrm>
        </p:grpSpPr>
        <p:cxnSp>
          <p:nvCxnSpPr>
            <p:cNvPr id="30" name="Straight Connector 29">
              <a:extLst>
                <a:ext uri="{FF2B5EF4-FFF2-40B4-BE49-F238E27FC236}">
                  <a16:creationId xmlns:a16="http://schemas.microsoft.com/office/drawing/2014/main" id="{2FE80601-FFA4-4B8A-85F7-ED45D1FE3130}"/>
                </a:ext>
              </a:extLst>
            </p:cNvPr>
            <p:cNvCxnSpPr>
              <a:cxnSpLocks/>
            </p:cNvCxnSpPr>
            <p:nvPr/>
          </p:nvCxnSpPr>
          <p:spPr>
            <a:xfrm flipH="1">
              <a:off x="6753973" y="2909924"/>
              <a:ext cx="18341" cy="3599365"/>
            </a:xfrm>
            <a:prstGeom prst="line">
              <a:avLst/>
            </a:prstGeom>
            <a:ln w="19050">
              <a:solidFill>
                <a:srgbClr val="70ADA3"/>
              </a:solidFill>
              <a:prstDash val="lgDash"/>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30DCD6C5-819D-5116-340D-47D509EF6424}"/>
                </a:ext>
              </a:extLst>
            </p:cNvPr>
            <p:cNvCxnSpPr>
              <a:cxnSpLocks/>
            </p:cNvCxnSpPr>
            <p:nvPr/>
          </p:nvCxnSpPr>
          <p:spPr>
            <a:xfrm>
              <a:off x="6771597" y="2833078"/>
              <a:ext cx="5170687" cy="28178"/>
            </a:xfrm>
            <a:prstGeom prst="line">
              <a:avLst/>
            </a:prstGeom>
            <a:ln w="19050">
              <a:solidFill>
                <a:srgbClr val="70ADA3"/>
              </a:solidFill>
              <a:prstDash val="lgDash"/>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04EC7AC7-166E-DB5E-E1F6-D27098F24E86}"/>
                </a:ext>
              </a:extLst>
            </p:cNvPr>
            <p:cNvCxnSpPr>
              <a:cxnSpLocks/>
            </p:cNvCxnSpPr>
            <p:nvPr/>
          </p:nvCxnSpPr>
          <p:spPr>
            <a:xfrm>
              <a:off x="6771597" y="6481111"/>
              <a:ext cx="5170687" cy="28178"/>
            </a:xfrm>
            <a:prstGeom prst="line">
              <a:avLst/>
            </a:prstGeom>
            <a:ln w="19050">
              <a:solidFill>
                <a:srgbClr val="70ADA3"/>
              </a:solidFill>
              <a:prstDash val="lgDash"/>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CFBBD73A-91BB-C75B-B544-6CADF5590E9E}"/>
                </a:ext>
              </a:extLst>
            </p:cNvPr>
            <p:cNvCxnSpPr>
              <a:cxnSpLocks/>
            </p:cNvCxnSpPr>
            <p:nvPr/>
          </p:nvCxnSpPr>
          <p:spPr>
            <a:xfrm flipH="1">
              <a:off x="11987451" y="2861256"/>
              <a:ext cx="18341" cy="3599365"/>
            </a:xfrm>
            <a:prstGeom prst="line">
              <a:avLst/>
            </a:prstGeom>
            <a:ln w="19050">
              <a:solidFill>
                <a:srgbClr val="70ADA3"/>
              </a:solidFill>
              <a:prstDash val="lgDash"/>
            </a:ln>
          </p:spPr>
          <p:style>
            <a:lnRef idx="1">
              <a:schemeClr val="accent1"/>
            </a:lnRef>
            <a:fillRef idx="0">
              <a:schemeClr val="accent1"/>
            </a:fillRef>
            <a:effectRef idx="0">
              <a:schemeClr val="accent1"/>
            </a:effectRef>
            <a:fontRef idx="minor">
              <a:schemeClr val="tx1"/>
            </a:fontRef>
          </p:style>
        </p:cxnSp>
      </p:grpSp>
      <p:cxnSp>
        <p:nvCxnSpPr>
          <p:cNvPr id="44" name="Straight Arrow Connector 43">
            <a:extLst>
              <a:ext uri="{FF2B5EF4-FFF2-40B4-BE49-F238E27FC236}">
                <a16:creationId xmlns:a16="http://schemas.microsoft.com/office/drawing/2014/main" id="{C9626071-01C5-32E0-335E-603E6BEE5E9D}"/>
              </a:ext>
            </a:extLst>
          </p:cNvPr>
          <p:cNvCxnSpPr>
            <a:cxnSpLocks/>
          </p:cNvCxnSpPr>
          <p:nvPr/>
        </p:nvCxnSpPr>
        <p:spPr>
          <a:xfrm>
            <a:off x="9527234" y="3145878"/>
            <a:ext cx="250882" cy="0"/>
          </a:xfrm>
          <a:prstGeom prst="straightConnector1">
            <a:avLst/>
          </a:prstGeom>
          <a:ln w="28575">
            <a:solidFill>
              <a:schemeClr val="tx2">
                <a:lumMod val="75000"/>
              </a:schemeClr>
            </a:solidFill>
            <a:tailEnd type="triangle"/>
          </a:ln>
        </p:spPr>
        <p:style>
          <a:lnRef idx="1">
            <a:schemeClr val="accent1"/>
          </a:lnRef>
          <a:fillRef idx="0">
            <a:schemeClr val="accent1"/>
          </a:fillRef>
          <a:effectRef idx="0">
            <a:schemeClr val="accent1"/>
          </a:effectRef>
          <a:fontRef idx="minor">
            <a:schemeClr val="tx1"/>
          </a:fontRef>
        </p:style>
      </p:cxnSp>
      <p:pic>
        <p:nvPicPr>
          <p:cNvPr id="51" name="Picture 6">
            <a:extLst>
              <a:ext uri="{FF2B5EF4-FFF2-40B4-BE49-F238E27FC236}">
                <a16:creationId xmlns:a16="http://schemas.microsoft.com/office/drawing/2014/main" id="{3987AC6A-CEDC-876A-7376-A2B80CE4B04A}"/>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4149" t="5418" r="11157" b="45898"/>
          <a:stretch/>
        </p:blipFill>
        <p:spPr bwMode="auto">
          <a:xfrm>
            <a:off x="6067902" y="3646291"/>
            <a:ext cx="1372142" cy="138772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79909833"/>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267156523895629"/>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CONTENT SLIDE">
  <a:themeElements>
    <a:clrScheme name="REC Colours">
      <a:dk1>
        <a:sysClr val="windowText" lastClr="000000"/>
      </a:dk1>
      <a:lt1>
        <a:sysClr val="window" lastClr="FFFFFF"/>
      </a:lt1>
      <a:dk2>
        <a:srgbClr val="70ADA3"/>
      </a:dk2>
      <a:lt2>
        <a:srgbClr val="FFFFFF"/>
      </a:lt2>
      <a:accent1>
        <a:srgbClr val="4D8934"/>
      </a:accent1>
      <a:accent2>
        <a:srgbClr val="70ADA3"/>
      </a:accent2>
      <a:accent3>
        <a:srgbClr val="7B282E"/>
      </a:accent3>
      <a:accent4>
        <a:srgbClr val="BE6516"/>
      </a:accent4>
      <a:accent5>
        <a:srgbClr val="E7AB00"/>
      </a:accent5>
      <a:accent6>
        <a:srgbClr val="C4D38D"/>
      </a:accent6>
      <a:hlink>
        <a:srgbClr val="4D8934"/>
      </a:hlink>
      <a:folHlink>
        <a:srgbClr val="70ADA3"/>
      </a:folHlink>
    </a:clrScheme>
    <a:fontScheme name="REC">
      <a:majorFont>
        <a:latin typeface="Roboto"/>
        <a:ea typeface=""/>
        <a:cs typeface=""/>
      </a:majorFont>
      <a:minorFont>
        <a:latin typeface="Roboto Slab"/>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64B6ABD153718F40AB257D99BCA5D342" ma:contentTypeVersion="15" ma:contentTypeDescription="Create a new document." ma:contentTypeScope="" ma:versionID="fb0678265f88b09758662b02307ca067">
  <xsd:schema xmlns:xsd="http://www.w3.org/2001/XMLSchema" xmlns:xs="http://www.w3.org/2001/XMLSchema" xmlns:p="http://schemas.microsoft.com/office/2006/metadata/properties" xmlns:ns2="33669984-af94-4b35-9f37-f4574e663bce" xmlns:ns3="d5e8df70-7ba7-462a-92bc-0eb2af61e599" targetNamespace="http://schemas.microsoft.com/office/2006/metadata/properties" ma:root="true" ma:fieldsID="b17f6d4b24d6f7b845e1a3d47d7e6e59" ns2:_="" ns3:_="">
    <xsd:import namespace="33669984-af94-4b35-9f37-f4574e663bce"/>
    <xsd:import namespace="d5e8df70-7ba7-462a-92bc-0eb2af61e599"/>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LengthInSeconds" minOccurs="0"/>
                <xsd:element ref="ns2:MediaServiceOCR" minOccurs="0"/>
                <xsd:element ref="ns2:MediaServiceGenerationTime" minOccurs="0"/>
                <xsd:element ref="ns2:MediaServiceEventHashCode" minOccurs="0"/>
                <xsd:element ref="ns3:SharedWithUsers" minOccurs="0"/>
                <xsd:element ref="ns3:SharedWithDetail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3669984-af94-4b35-9f37-f4574e663bc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LengthInSeconds" ma:index="14" nillable="true" ma:displayName="MediaLengthInSeconds" ma:hidden="true" ma:internalName="MediaLengthInSeconds" ma:readOnly="true">
      <xsd:simpleType>
        <xsd:restriction base="dms:Unknown"/>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lcf76f155ced4ddcb4097134ff3c332f" ma:index="21" nillable="true" ma:taxonomy="true" ma:internalName="lcf76f155ced4ddcb4097134ff3c332f" ma:taxonomyFieldName="MediaServiceImageTags" ma:displayName="Image Tags" ma:readOnly="false" ma:fieldId="{5cf76f15-5ced-4ddc-b409-7134ff3c332f}" ma:taxonomyMulti="true" ma:sspId="5e11d1ff-3de3-40aa-b1cb-720a3f5ef5fd"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d5e8df70-7ba7-462a-92bc-0eb2af61e599" elementFormDefault="qualified">
    <xsd:import namespace="http://schemas.microsoft.com/office/2006/documentManagement/types"/>
    <xsd:import namespace="http://schemas.microsoft.com/office/infopath/2007/PartnerControls"/>
    <xsd:element name="SharedWithUsers" ma:index="1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Shared With Details" ma:internalName="SharedWithDetails" ma:readOnly="true">
      <xsd:simpleType>
        <xsd:restriction base="dms:Note">
          <xsd:maxLength value="255"/>
        </xsd:restriction>
      </xsd:simpleType>
    </xsd:element>
    <xsd:element name="TaxCatchAll" ma:index="22" nillable="true" ma:displayName="Taxonomy Catch All Column" ma:hidden="true" ma:list="{188e3084-6947-48ea-be46-cbabc134540f}" ma:internalName="TaxCatchAll" ma:showField="CatchAllData" ma:web="d5e8df70-7ba7-462a-92bc-0eb2af61e599">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33669984-af94-4b35-9f37-f4574e663bce">
      <Terms xmlns="http://schemas.microsoft.com/office/infopath/2007/PartnerControls"/>
    </lcf76f155ced4ddcb4097134ff3c332f>
    <TaxCatchAll xmlns="d5e8df70-7ba7-462a-92bc-0eb2af61e599" xsi:nil="true"/>
  </documentManagement>
</p:properties>
</file>

<file path=customXml/itemProps1.xml><?xml version="1.0" encoding="utf-8"?>
<ds:datastoreItem xmlns:ds="http://schemas.openxmlformats.org/officeDocument/2006/customXml" ds:itemID="{C496B8E8-D1AD-4DE7-BCAB-65E09AA9D290}">
  <ds:schemaRefs>
    <ds:schemaRef ds:uri="http://schemas.microsoft.com/sharepoint/v3/contenttype/forms"/>
  </ds:schemaRefs>
</ds:datastoreItem>
</file>

<file path=customXml/itemProps2.xml><?xml version="1.0" encoding="utf-8"?>
<ds:datastoreItem xmlns:ds="http://schemas.openxmlformats.org/officeDocument/2006/customXml" ds:itemID="{961CB119-3AA7-4AA5-8340-D3C36DF49552}"/>
</file>

<file path=customXml/itemProps3.xml><?xml version="1.0" encoding="utf-8"?>
<ds:datastoreItem xmlns:ds="http://schemas.openxmlformats.org/officeDocument/2006/customXml" ds:itemID="{3FF7183A-8B06-4131-A8D4-90B83E396FF4}">
  <ds:schemaRefs>
    <ds:schemaRef ds:uri="http://schemas.microsoft.com/office/2006/metadata/properties"/>
    <ds:schemaRef ds:uri="http://schemas.microsoft.com/office/infopath/2007/PartnerControls"/>
    <ds:schemaRef ds:uri="http://schemas.microsoft.com/office/2006/documentManagement/types"/>
    <ds:schemaRef ds:uri="http://purl.org/dc/elements/1.1/"/>
    <ds:schemaRef ds:uri="http://purl.org/dc/terms/"/>
    <ds:schemaRef ds:uri="9aec8e27-46b6-4dfa-bdad-04f5a9be56ad"/>
    <ds:schemaRef ds:uri="http://purl.org/dc/dcmitype/"/>
    <ds:schemaRef ds:uri="http://www.w3.org/XML/1998/namespace"/>
    <ds:schemaRef ds:uri="http://schemas.openxmlformats.org/package/2006/metadata/core-properties"/>
    <ds:schemaRef ds:uri="58dbe026-c2b7-4f74-8c27-82ec413bac0d"/>
  </ds:schemaRefs>
</ds:datastoreItem>
</file>

<file path=docProps/app.xml><?xml version="1.0" encoding="utf-8"?>
<Properties xmlns="http://schemas.openxmlformats.org/officeDocument/2006/extended-properties" xmlns:vt="http://schemas.openxmlformats.org/officeDocument/2006/docPropsVTypes">
  <TotalTime>4691</TotalTime>
  <Words>1939</Words>
  <Application>Microsoft Office PowerPoint</Application>
  <PresentationFormat>Widescreen</PresentationFormat>
  <Paragraphs>234</Paragraphs>
  <Slides>12</Slides>
  <Notes>9</Notes>
  <HiddenSlides>0</HiddenSlides>
  <MMClips>0</MMClips>
  <ScaleCrop>false</ScaleCrop>
  <HeadingPairs>
    <vt:vector size="6" baseType="variant">
      <vt:variant>
        <vt:lpstr>Fonts Used</vt:lpstr>
      </vt:variant>
      <vt:variant>
        <vt:i4>9</vt:i4>
      </vt:variant>
      <vt:variant>
        <vt:lpstr>Theme</vt:lpstr>
      </vt:variant>
      <vt:variant>
        <vt:i4>2</vt:i4>
      </vt:variant>
      <vt:variant>
        <vt:lpstr>Slide Titles</vt:lpstr>
      </vt:variant>
      <vt:variant>
        <vt:i4>12</vt:i4>
      </vt:variant>
    </vt:vector>
  </HeadingPairs>
  <TitlesOfParts>
    <vt:vector size="23" baseType="lpstr">
      <vt:lpstr>Arial</vt:lpstr>
      <vt:lpstr>Calibri</vt:lpstr>
      <vt:lpstr>Calibri Light</vt:lpstr>
      <vt:lpstr>Roboto</vt:lpstr>
      <vt:lpstr>Roboto (Headings)</vt:lpstr>
      <vt:lpstr>Roboto Slab</vt:lpstr>
      <vt:lpstr>Roboto Slab regular</vt:lpstr>
      <vt:lpstr>Wingdings</vt:lpstr>
      <vt:lpstr>Wingdings 2</vt:lpstr>
      <vt:lpstr>Office Theme</vt:lpstr>
      <vt:lpstr>CONTENT SLIDE</vt:lpstr>
      <vt:lpstr>       METERING CODES OF PRACTICE    USER GUIDE    April 2023</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Metering User Guide v.1.0 FINAL</dc:title>
  <dc:creator>Bermudez Alvarez, Cristina</dc:creator>
  <cp:lastModifiedBy>Scott-Picton, Georgina</cp:lastModifiedBy>
  <cp:revision>5</cp:revision>
  <dcterms:created xsi:type="dcterms:W3CDTF">2021-05-24T12:44:42Z</dcterms:created>
  <dcterms:modified xsi:type="dcterms:W3CDTF">2023-03-30T19:43:4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ea60d57e-af5b-4752-ac57-3e4f28ca11dc_Enabled">
    <vt:lpwstr>true</vt:lpwstr>
  </property>
  <property fmtid="{D5CDD505-2E9C-101B-9397-08002B2CF9AE}" pid="3" name="MSIP_Label_ea60d57e-af5b-4752-ac57-3e4f28ca11dc_SetDate">
    <vt:lpwstr>2021-05-24T12:44:43Z</vt:lpwstr>
  </property>
  <property fmtid="{D5CDD505-2E9C-101B-9397-08002B2CF9AE}" pid="4" name="MSIP_Label_ea60d57e-af5b-4752-ac57-3e4f28ca11dc_Method">
    <vt:lpwstr>Standard</vt:lpwstr>
  </property>
  <property fmtid="{D5CDD505-2E9C-101B-9397-08002B2CF9AE}" pid="5" name="MSIP_Label_ea60d57e-af5b-4752-ac57-3e4f28ca11dc_Name">
    <vt:lpwstr>ea60d57e-af5b-4752-ac57-3e4f28ca11dc</vt:lpwstr>
  </property>
  <property fmtid="{D5CDD505-2E9C-101B-9397-08002B2CF9AE}" pid="6" name="MSIP_Label_ea60d57e-af5b-4752-ac57-3e4f28ca11dc_SiteId">
    <vt:lpwstr>36da45f1-dd2c-4d1f-af13-5abe46b99921</vt:lpwstr>
  </property>
  <property fmtid="{D5CDD505-2E9C-101B-9397-08002B2CF9AE}" pid="7" name="MSIP_Label_ea60d57e-af5b-4752-ac57-3e4f28ca11dc_ActionId">
    <vt:lpwstr>7b11192d-b46d-4d9e-883b-12c6654090a9</vt:lpwstr>
  </property>
  <property fmtid="{D5CDD505-2E9C-101B-9397-08002B2CF9AE}" pid="8" name="MSIP_Label_ea60d57e-af5b-4752-ac57-3e4f28ca11dc_ContentBits">
    <vt:lpwstr>0</vt:lpwstr>
  </property>
  <property fmtid="{D5CDD505-2E9C-101B-9397-08002B2CF9AE}" pid="9" name="ContentTypeId">
    <vt:lpwstr>0x0101003A9D1BF19C22A248B6F8E3EABC10E12A</vt:lpwstr>
  </property>
  <property fmtid="{D5CDD505-2E9C-101B-9397-08002B2CF9AE}" pid="10" name="MediaServiceImageTags">
    <vt:lpwstr/>
  </property>
</Properties>
</file>